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8"/>
  </p:notesMasterIdLst>
  <p:sldIdLst>
    <p:sldId id="259" r:id="rId2"/>
    <p:sldId id="266" r:id="rId3"/>
    <p:sldId id="262" r:id="rId4"/>
    <p:sldId id="267" r:id="rId5"/>
    <p:sldId id="265" r:id="rId6"/>
    <p:sldId id="264" r:id="rId7"/>
  </p:sldIdLst>
  <p:sldSz cx="9144000" cy="5143500" type="screen16x9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162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9933"/>
    <a:srgbClr val="CC66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93" d="100"/>
          <a:sy n="93" d="100"/>
        </p:scale>
        <p:origin x="726" y="78"/>
      </p:cViewPr>
      <p:guideLst>
        <p:guide orient="horz" pos="162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1925D6C-FCA1-4A59-B1F6-ACA992E86516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3FE5CCF-E49B-4916-BD0F-03CAFD5D45B0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05706643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3FE5CCF-E49B-4916-BD0F-03CAFD5D45B0}" type="slidenum">
              <a:rPr lang="en-GB" smtClean="0"/>
              <a:t>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46732167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3FE5CCF-E49B-4916-BD0F-03CAFD5D45B0}" type="slidenum">
              <a:rPr lang="en-GB" smtClean="0"/>
              <a:t>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46732167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26464071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200151"/>
            <a:ext cx="8229600" cy="3394472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84992143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05979"/>
            <a:ext cx="2057400" cy="4388644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05979"/>
            <a:ext cx="6019800" cy="4388644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738645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200151"/>
            <a:ext cx="8229600" cy="3394472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9397437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3305176"/>
            <a:ext cx="7772400" cy="1021556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180035"/>
            <a:ext cx="7772400" cy="1125140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6286937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200151"/>
            <a:ext cx="4038600" cy="3394472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200151"/>
            <a:ext cx="4038600" cy="3394472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8559324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151335"/>
            <a:ext cx="4040188" cy="47982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1631156"/>
            <a:ext cx="4040188" cy="2963466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6" y="1151335"/>
            <a:ext cx="4041775" cy="47982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6" y="1631156"/>
            <a:ext cx="4041775" cy="2963466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62268312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40448093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05785658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1" y="204787"/>
            <a:ext cx="3008313" cy="8715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04788"/>
            <a:ext cx="5111750" cy="4389835"/>
          </a:xfrm>
          <a:prstGeom prst="rect">
            <a:avLst/>
          </a:prstGeo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1" y="1076326"/>
            <a:ext cx="3008313" cy="351829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7467968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3600450"/>
            <a:ext cx="5486400" cy="425054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459581"/>
            <a:ext cx="5486400" cy="30861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4025503"/>
            <a:ext cx="5486400" cy="60364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5D4462FD-28D9-4007-9886-BBC7E6607402}" type="datetimeFigureOut">
              <a:rPr lang="en-GB" smtClean="0"/>
              <a:t>28/06/2017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/>
          <a:lstStyle/>
          <a:p>
            <a:fld id="{ADD05B63-8283-4004-8BEE-B776E647B98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14335847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11030309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iming>
    <p:tnLst>
      <p:par>
        <p:cTn id="1" dur="indefinite" restart="never" nodeType="tmRoot"/>
      </p:par>
    </p:tnLst>
  </p:timing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.png"/><Relationship Id="rId5" Type="http://schemas.openxmlformats.org/officeDocument/2006/relationships/image" Target="../media/image3.png"/><Relationship Id="rId4" Type="http://schemas.openxmlformats.org/officeDocument/2006/relationships/image" Target="../media/image2.pn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3.png"/><Relationship Id="rId4" Type="http://schemas.openxmlformats.org/officeDocument/2006/relationships/image" Target="../media/image5.png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hyperlink" Target="mailto:richardsonvjohnson@gmail.com?subject=POWX%20Query" TargetMode="External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" name="Rectangle 42"/>
          <p:cNvSpPr/>
          <p:nvPr/>
        </p:nvSpPr>
        <p:spPr>
          <a:xfrm>
            <a:off x="4097616" y="2139702"/>
            <a:ext cx="986988" cy="695126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grpSp>
        <p:nvGrpSpPr>
          <p:cNvPr id="16" name="Group 15"/>
          <p:cNvGrpSpPr/>
          <p:nvPr/>
        </p:nvGrpSpPr>
        <p:grpSpPr>
          <a:xfrm>
            <a:off x="3851920" y="2027532"/>
            <a:ext cx="1439818" cy="1299358"/>
            <a:chOff x="3851920" y="2027532"/>
            <a:chExt cx="1439818" cy="1299358"/>
          </a:xfrm>
        </p:grpSpPr>
        <p:sp>
          <p:nvSpPr>
            <p:cNvPr id="31" name="TextBox 30"/>
            <p:cNvSpPr txBox="1"/>
            <p:nvPr/>
          </p:nvSpPr>
          <p:spPr>
            <a:xfrm>
              <a:off x="4034316" y="2650162"/>
              <a:ext cx="1050288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rial Black" panose="020B0A04020102020204" pitchFamily="34" charset="0"/>
                </a:rPr>
                <a:t> </a:t>
              </a:r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P</a:t>
              </a:r>
              <a:r>
                <a:rPr lang="en-GB" dirty="0" smtClean="0">
                  <a:solidFill>
                    <a:srgbClr val="FFC00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O</a:t>
              </a:r>
              <a:r>
                <a:rPr lang="en-GB" dirty="0" smtClean="0">
                  <a:solidFill>
                    <a:srgbClr val="0070C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W</a:t>
              </a:r>
              <a:r>
                <a:rPr lang="en-GB" dirty="0" smtClean="0">
                  <a:solidFill>
                    <a:srgbClr val="00B05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X </a:t>
              </a:r>
            </a:p>
          </p:txBody>
        </p:sp>
        <p:sp>
          <p:nvSpPr>
            <p:cNvPr id="36" name="Freeform 35"/>
            <p:cNvSpPr/>
            <p:nvPr/>
          </p:nvSpPr>
          <p:spPr>
            <a:xfrm>
              <a:off x="4459503" y="2499746"/>
              <a:ext cx="294322" cy="138362"/>
            </a:xfrm>
            <a:custGeom>
              <a:avLst/>
              <a:gdLst>
                <a:gd name="connsiteX0" fmla="*/ 0 w 935182"/>
                <a:gd name="connsiteY0" fmla="*/ 280554 h 405245"/>
                <a:gd name="connsiteX1" fmla="*/ 935182 w 935182"/>
                <a:gd name="connsiteY1" fmla="*/ 405245 h 405245"/>
                <a:gd name="connsiteX2" fmla="*/ 529937 w 935182"/>
                <a:gd name="connsiteY2" fmla="*/ 0 h 405245"/>
                <a:gd name="connsiteX3" fmla="*/ 0 w 935182"/>
                <a:gd name="connsiteY3" fmla="*/ 280554 h 40524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935182" h="405245">
                  <a:moveTo>
                    <a:pt x="0" y="280554"/>
                  </a:moveTo>
                  <a:lnTo>
                    <a:pt x="935182" y="405245"/>
                  </a:lnTo>
                  <a:lnTo>
                    <a:pt x="529937" y="0"/>
                  </a:lnTo>
                  <a:lnTo>
                    <a:pt x="0" y="280554"/>
                  </a:lnTo>
                  <a:close/>
                </a:path>
              </a:pathLst>
            </a:custGeom>
            <a:solidFill>
              <a:srgbClr val="00B050"/>
            </a:solidFill>
            <a:ln w="19050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35" name="Freeform 34"/>
            <p:cNvSpPr/>
            <p:nvPr/>
          </p:nvSpPr>
          <p:spPr>
            <a:xfrm rot="21168153">
              <a:off x="4333234" y="2489925"/>
              <a:ext cx="348707" cy="204805"/>
            </a:xfrm>
            <a:custGeom>
              <a:avLst/>
              <a:gdLst>
                <a:gd name="connsiteX0" fmla="*/ 1215736 w 1454727"/>
                <a:gd name="connsiteY0" fmla="*/ 0 h 1267690"/>
                <a:gd name="connsiteX1" fmla="*/ 1454727 w 1454727"/>
                <a:gd name="connsiteY1" fmla="*/ 353290 h 1267690"/>
                <a:gd name="connsiteX2" fmla="*/ 0 w 1454727"/>
                <a:gd name="connsiteY2" fmla="*/ 1267690 h 1267690"/>
                <a:gd name="connsiteX3" fmla="*/ 436418 w 1454727"/>
                <a:gd name="connsiteY3" fmla="*/ 602672 h 1267690"/>
                <a:gd name="connsiteX4" fmla="*/ 1215736 w 1454727"/>
                <a:gd name="connsiteY4" fmla="*/ 0 h 126769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454727" h="1267690">
                  <a:moveTo>
                    <a:pt x="1215736" y="0"/>
                  </a:moveTo>
                  <a:lnTo>
                    <a:pt x="1454727" y="353290"/>
                  </a:lnTo>
                  <a:lnTo>
                    <a:pt x="0" y="1267690"/>
                  </a:lnTo>
                  <a:lnTo>
                    <a:pt x="436418" y="602672"/>
                  </a:lnTo>
                  <a:lnTo>
                    <a:pt x="1215736" y="0"/>
                  </a:lnTo>
                  <a:close/>
                </a:path>
              </a:pathLst>
            </a:custGeom>
            <a:solidFill>
              <a:srgbClr val="0070C0"/>
            </a:solidFill>
            <a:ln w="1905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3851920" y="2988336"/>
              <a:ext cx="1439818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600" dirty="0" smtClean="0">
                  <a:solidFill>
                    <a:schemeClr val="bg1">
                      <a:lumMod val="50000"/>
                    </a:schemeClr>
                  </a:solidFill>
                  <a:latin typeface="Arabic Typesetting" panose="03020402040406030203" pitchFamily="66" charset="-78"/>
                  <a:ea typeface="MS UI Gothic" panose="020B0600070205080204" pitchFamily="34" charset="-128"/>
                  <a:cs typeface="Arabic Typesetting" panose="03020402040406030203" pitchFamily="66" charset="-78"/>
                </a:rPr>
                <a:t>Software Architecture</a:t>
              </a:r>
            </a:p>
          </p:txBody>
        </p:sp>
        <p:sp>
          <p:nvSpPr>
            <p:cNvPr id="34" name="Freeform 33"/>
            <p:cNvSpPr/>
            <p:nvPr/>
          </p:nvSpPr>
          <p:spPr>
            <a:xfrm rot="21104642">
              <a:off x="4380910" y="2320973"/>
              <a:ext cx="307176" cy="229913"/>
            </a:xfrm>
            <a:custGeom>
              <a:avLst/>
              <a:gdLst>
                <a:gd name="connsiteX0" fmla="*/ 0 w 1330036"/>
                <a:gd name="connsiteY0" fmla="*/ 841664 h 1215737"/>
                <a:gd name="connsiteX1" fmla="*/ 93518 w 1330036"/>
                <a:gd name="connsiteY1" fmla="*/ 1194955 h 1215737"/>
                <a:gd name="connsiteX2" fmla="*/ 384463 w 1330036"/>
                <a:gd name="connsiteY2" fmla="*/ 1215737 h 1215737"/>
                <a:gd name="connsiteX3" fmla="*/ 1246909 w 1330036"/>
                <a:gd name="connsiteY3" fmla="*/ 716973 h 1215737"/>
                <a:gd name="connsiteX4" fmla="*/ 1330036 w 1330036"/>
                <a:gd name="connsiteY4" fmla="*/ 0 h 1215737"/>
                <a:gd name="connsiteX0" fmla="*/ 97832 w 1236517"/>
                <a:gd name="connsiteY0" fmla="*/ 458961 h 1215737"/>
                <a:gd name="connsiteX1" fmla="*/ -1 w 1236517"/>
                <a:gd name="connsiteY1" fmla="*/ 1194955 h 1215737"/>
                <a:gd name="connsiteX2" fmla="*/ 290944 w 1236517"/>
                <a:gd name="connsiteY2" fmla="*/ 1215737 h 1215737"/>
                <a:gd name="connsiteX3" fmla="*/ 1153390 w 1236517"/>
                <a:gd name="connsiteY3" fmla="*/ 716973 h 1215737"/>
                <a:gd name="connsiteX4" fmla="*/ 1236517 w 1236517"/>
                <a:gd name="connsiteY4" fmla="*/ 0 h 1215737"/>
                <a:gd name="connsiteX0" fmla="*/ 100852 w 1239537"/>
                <a:gd name="connsiteY0" fmla="*/ 458961 h 1215737"/>
                <a:gd name="connsiteX1" fmla="*/ 0 w 1239537"/>
                <a:gd name="connsiteY1" fmla="*/ 809619 h 1215737"/>
                <a:gd name="connsiteX2" fmla="*/ 3019 w 1239537"/>
                <a:gd name="connsiteY2" fmla="*/ 1194955 h 1215737"/>
                <a:gd name="connsiteX3" fmla="*/ 293964 w 1239537"/>
                <a:gd name="connsiteY3" fmla="*/ 1215737 h 1215737"/>
                <a:gd name="connsiteX4" fmla="*/ 1156410 w 1239537"/>
                <a:gd name="connsiteY4" fmla="*/ 716973 h 1215737"/>
                <a:gd name="connsiteX5" fmla="*/ 1239537 w 1239537"/>
                <a:gd name="connsiteY5" fmla="*/ 0 h 1215737"/>
                <a:gd name="connsiteX0" fmla="*/ 249682 w 1388367"/>
                <a:gd name="connsiteY0" fmla="*/ 458961 h 1215737"/>
                <a:gd name="connsiteX1" fmla="*/ 0 w 1388367"/>
                <a:gd name="connsiteY1" fmla="*/ 830880 h 1215737"/>
                <a:gd name="connsiteX2" fmla="*/ 151849 w 1388367"/>
                <a:gd name="connsiteY2" fmla="*/ 1194955 h 1215737"/>
                <a:gd name="connsiteX3" fmla="*/ 442794 w 1388367"/>
                <a:gd name="connsiteY3" fmla="*/ 1215737 h 1215737"/>
                <a:gd name="connsiteX4" fmla="*/ 1305240 w 1388367"/>
                <a:gd name="connsiteY4" fmla="*/ 716973 h 1215737"/>
                <a:gd name="connsiteX5" fmla="*/ 1388367 w 1388367"/>
                <a:gd name="connsiteY5" fmla="*/ 0 h 1215737"/>
                <a:gd name="connsiteX0" fmla="*/ 122113 w 1260798"/>
                <a:gd name="connsiteY0" fmla="*/ 458961 h 1215737"/>
                <a:gd name="connsiteX1" fmla="*/ 0 w 1260798"/>
                <a:gd name="connsiteY1" fmla="*/ 830880 h 1215737"/>
                <a:gd name="connsiteX2" fmla="*/ 24280 w 1260798"/>
                <a:gd name="connsiteY2" fmla="*/ 1194955 h 1215737"/>
                <a:gd name="connsiteX3" fmla="*/ 315225 w 1260798"/>
                <a:gd name="connsiteY3" fmla="*/ 1215737 h 1215737"/>
                <a:gd name="connsiteX4" fmla="*/ 1177671 w 1260798"/>
                <a:gd name="connsiteY4" fmla="*/ 716973 h 1215737"/>
                <a:gd name="connsiteX5" fmla="*/ 1260798 w 1260798"/>
                <a:gd name="connsiteY5" fmla="*/ 0 h 1215737"/>
                <a:gd name="connsiteX0" fmla="*/ 122113 w 1260798"/>
                <a:gd name="connsiteY0" fmla="*/ 458961 h 1302932"/>
                <a:gd name="connsiteX1" fmla="*/ 0 w 1260798"/>
                <a:gd name="connsiteY1" fmla="*/ 830880 h 1302932"/>
                <a:gd name="connsiteX2" fmla="*/ 24280 w 1260798"/>
                <a:gd name="connsiteY2" fmla="*/ 1194955 h 1302932"/>
                <a:gd name="connsiteX3" fmla="*/ 336485 w 1260798"/>
                <a:gd name="connsiteY3" fmla="*/ 1302932 h 1302932"/>
                <a:gd name="connsiteX4" fmla="*/ 1177671 w 1260798"/>
                <a:gd name="connsiteY4" fmla="*/ 716973 h 1302932"/>
                <a:gd name="connsiteX5" fmla="*/ 1260798 w 1260798"/>
                <a:gd name="connsiteY5" fmla="*/ 0 h 1302932"/>
                <a:gd name="connsiteX0" fmla="*/ 161634 w 1300319"/>
                <a:gd name="connsiteY0" fmla="*/ 458961 h 1347547"/>
                <a:gd name="connsiteX1" fmla="*/ 39521 w 1300319"/>
                <a:gd name="connsiteY1" fmla="*/ 830880 h 1347547"/>
                <a:gd name="connsiteX2" fmla="*/ 16 w 1300319"/>
                <a:gd name="connsiteY2" fmla="*/ 1347547 h 1347547"/>
                <a:gd name="connsiteX3" fmla="*/ 376006 w 1300319"/>
                <a:gd name="connsiteY3" fmla="*/ 1302932 h 1347547"/>
                <a:gd name="connsiteX4" fmla="*/ 1217192 w 1300319"/>
                <a:gd name="connsiteY4" fmla="*/ 716973 h 1347547"/>
                <a:gd name="connsiteX5" fmla="*/ 1300319 w 1300319"/>
                <a:gd name="connsiteY5" fmla="*/ 0 h 1347547"/>
                <a:gd name="connsiteX0" fmla="*/ 161634 w 1300319"/>
                <a:gd name="connsiteY0" fmla="*/ 458961 h 1392009"/>
                <a:gd name="connsiteX1" fmla="*/ 39521 w 1300319"/>
                <a:gd name="connsiteY1" fmla="*/ 830880 h 1392009"/>
                <a:gd name="connsiteX2" fmla="*/ 16 w 1300319"/>
                <a:gd name="connsiteY2" fmla="*/ 1347547 h 1392009"/>
                <a:gd name="connsiteX3" fmla="*/ 376006 w 1300319"/>
                <a:gd name="connsiteY3" fmla="*/ 1302932 h 1392009"/>
                <a:gd name="connsiteX4" fmla="*/ 1217192 w 1300319"/>
                <a:gd name="connsiteY4" fmla="*/ 716973 h 1392009"/>
                <a:gd name="connsiteX5" fmla="*/ 1300319 w 130031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47547"/>
                <a:gd name="connsiteX1" fmla="*/ 39511 w 1300309"/>
                <a:gd name="connsiteY1" fmla="*/ 830880 h 1347547"/>
                <a:gd name="connsiteX2" fmla="*/ 6 w 1300309"/>
                <a:gd name="connsiteY2" fmla="*/ 1347547 h 1347547"/>
                <a:gd name="connsiteX3" fmla="*/ 1217182 w 1300309"/>
                <a:gd name="connsiteY3" fmla="*/ 716973 h 1347547"/>
                <a:gd name="connsiteX4" fmla="*/ 1300309 w 1300309"/>
                <a:gd name="connsiteY4" fmla="*/ 0 h 1347547"/>
                <a:gd name="connsiteX0" fmla="*/ 289193 w 1217180"/>
                <a:gd name="connsiteY0" fmla="*/ 1 h 888588"/>
                <a:gd name="connsiteX1" fmla="*/ 39511 w 1217180"/>
                <a:gd name="connsiteY1" fmla="*/ 371921 h 888588"/>
                <a:gd name="connsiteX2" fmla="*/ 6 w 1217180"/>
                <a:gd name="connsiteY2" fmla="*/ 888588 h 888588"/>
                <a:gd name="connsiteX3" fmla="*/ 1217182 w 1217180"/>
                <a:gd name="connsiteY3" fmla="*/ 258014 h 88858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217180" h="888588">
                  <a:moveTo>
                    <a:pt x="289193" y="1"/>
                  </a:moveTo>
                  <a:cubicBezTo>
                    <a:pt x="248489" y="123974"/>
                    <a:pt x="207781" y="247947"/>
                    <a:pt x="39511" y="371921"/>
                  </a:cubicBezTo>
                  <a:cubicBezTo>
                    <a:pt x="168084" y="522164"/>
                    <a:pt x="-1000" y="760143"/>
                    <a:pt x="6" y="888588"/>
                  </a:cubicBezTo>
                  <a:cubicBezTo>
                    <a:pt x="196285" y="869603"/>
                    <a:pt x="1000465" y="482605"/>
                    <a:pt x="1217182" y="258014"/>
                  </a:cubicBezTo>
                </a:path>
              </a:pathLst>
            </a:custGeom>
            <a:solidFill>
              <a:schemeClr val="accent6">
                <a:lumMod val="75000"/>
              </a:schemeClr>
            </a:solidFill>
            <a:ln w="19050"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37" name="Freeform 36"/>
            <p:cNvSpPr/>
            <p:nvPr/>
          </p:nvSpPr>
          <p:spPr>
            <a:xfrm rot="159582">
              <a:off x="4105746" y="2027532"/>
              <a:ext cx="818164" cy="369371"/>
            </a:xfrm>
            <a:custGeom>
              <a:avLst/>
              <a:gdLst>
                <a:gd name="connsiteX0" fmla="*/ 1257300 w 3241964"/>
                <a:gd name="connsiteY0" fmla="*/ 872836 h 1392382"/>
                <a:gd name="connsiteX1" fmla="*/ 1672936 w 3241964"/>
                <a:gd name="connsiteY1" fmla="*/ 0 h 1392382"/>
                <a:gd name="connsiteX2" fmla="*/ 2337955 w 3241964"/>
                <a:gd name="connsiteY2" fmla="*/ 62345 h 1392382"/>
                <a:gd name="connsiteX3" fmla="*/ 2639291 w 3241964"/>
                <a:gd name="connsiteY3" fmla="*/ 1143000 h 1392382"/>
                <a:gd name="connsiteX4" fmla="*/ 644236 w 3241964"/>
                <a:gd name="connsiteY4" fmla="*/ 748145 h 1392382"/>
                <a:gd name="connsiteX5" fmla="*/ 0 w 3241964"/>
                <a:gd name="connsiteY5" fmla="*/ 997527 h 1392382"/>
                <a:gd name="connsiteX6" fmla="*/ 3241964 w 3241964"/>
                <a:gd name="connsiteY6" fmla="*/ 1392382 h 1392382"/>
                <a:gd name="connsiteX7" fmla="*/ 2639291 w 3241964"/>
                <a:gd name="connsiteY7" fmla="*/ 1132609 h 139238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241964" h="1392382">
                  <a:moveTo>
                    <a:pt x="1257300" y="872836"/>
                  </a:moveTo>
                  <a:lnTo>
                    <a:pt x="1672936" y="0"/>
                  </a:lnTo>
                  <a:lnTo>
                    <a:pt x="2337955" y="62345"/>
                  </a:lnTo>
                  <a:lnTo>
                    <a:pt x="2639291" y="1143000"/>
                  </a:lnTo>
                  <a:lnTo>
                    <a:pt x="644236" y="748145"/>
                  </a:lnTo>
                  <a:lnTo>
                    <a:pt x="0" y="997527"/>
                  </a:lnTo>
                  <a:lnTo>
                    <a:pt x="3241964" y="1392382"/>
                  </a:lnTo>
                  <a:lnTo>
                    <a:pt x="2639291" y="1132609"/>
                  </a:lnTo>
                </a:path>
              </a:pathLst>
            </a:custGeom>
            <a:solidFill>
              <a:srgbClr val="FFC000"/>
            </a:solidFill>
            <a:ln w="1905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</p:grpSp>
    </p:spTree>
    <p:extLst>
      <p:ext uri="{BB962C8B-B14F-4D97-AF65-F5344CB8AC3E}">
        <p14:creationId xmlns:p14="http://schemas.microsoft.com/office/powerpoint/2010/main" val="25351514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16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TextBox 17"/>
          <p:cNvSpPr txBox="1"/>
          <p:nvPr/>
        </p:nvSpPr>
        <p:spPr>
          <a:xfrm>
            <a:off x="3059832" y="2982456"/>
            <a:ext cx="3001847" cy="66941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GB" sz="1600" dirty="0">
                <a:solidFill>
                  <a:schemeClr val="bg1">
                    <a:lumMod val="50000"/>
                  </a:schemeClr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Microsoft Office tools </a:t>
            </a:r>
            <a:r>
              <a:rPr lang="en-GB" sz="1600" dirty="0" smtClean="0">
                <a:solidFill>
                  <a:schemeClr val="bg1">
                    <a:lumMod val="50000"/>
                  </a:schemeClr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Integration</a:t>
            </a:r>
          </a:p>
          <a:p>
            <a:pPr algn="ctr">
              <a:lnSpc>
                <a:spcPct val="150000"/>
              </a:lnSpc>
            </a:pPr>
            <a:r>
              <a:rPr lang="en-GB" sz="900" dirty="0" smtClean="0">
                <a:solidFill>
                  <a:schemeClr val="bg1">
                    <a:lumMod val="50000"/>
                  </a:schemeClr>
                </a:solidFill>
                <a:latin typeface="Estrangelo Edessa" panose="03080600000000000000" pitchFamily="66" charset="0"/>
                <a:ea typeface="MS UI Gothic" panose="020B0600070205080204" pitchFamily="34" charset="-128"/>
                <a:cs typeface="Estrangelo Edessa" panose="03080600000000000000" pitchFamily="66" charset="0"/>
              </a:rPr>
              <a:t>For Medium Scale Application Development</a:t>
            </a:r>
            <a:endParaRPr lang="en-GB" sz="900" dirty="0">
              <a:latin typeface="Estrangelo Edessa" panose="03080600000000000000" pitchFamily="66" charset="0"/>
              <a:cs typeface="Estrangelo Edessa" panose="03080600000000000000" pitchFamily="66" charset="0"/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4097616" y="2139702"/>
            <a:ext cx="986988" cy="695126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grpSp>
        <p:nvGrpSpPr>
          <p:cNvPr id="16" name="Group 15"/>
          <p:cNvGrpSpPr/>
          <p:nvPr/>
        </p:nvGrpSpPr>
        <p:grpSpPr>
          <a:xfrm>
            <a:off x="4034316" y="2027532"/>
            <a:ext cx="1050288" cy="991962"/>
            <a:chOff x="4034316" y="2027532"/>
            <a:chExt cx="1050288" cy="991962"/>
          </a:xfrm>
        </p:grpSpPr>
        <p:sp>
          <p:nvSpPr>
            <p:cNvPr id="31" name="TextBox 30"/>
            <p:cNvSpPr txBox="1"/>
            <p:nvPr/>
          </p:nvSpPr>
          <p:spPr>
            <a:xfrm>
              <a:off x="4034316" y="2650162"/>
              <a:ext cx="1050288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rial Black" panose="020B0A04020102020204" pitchFamily="34" charset="0"/>
                </a:rPr>
                <a:t> </a:t>
              </a:r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P</a:t>
              </a:r>
              <a:r>
                <a:rPr lang="en-GB" dirty="0" smtClean="0">
                  <a:solidFill>
                    <a:srgbClr val="FFC00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O</a:t>
              </a:r>
              <a:r>
                <a:rPr lang="en-GB" dirty="0" smtClean="0">
                  <a:solidFill>
                    <a:srgbClr val="0070C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W</a:t>
              </a:r>
              <a:r>
                <a:rPr lang="en-GB" dirty="0" smtClean="0">
                  <a:solidFill>
                    <a:srgbClr val="00B05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X </a:t>
              </a:r>
            </a:p>
          </p:txBody>
        </p:sp>
        <p:sp>
          <p:nvSpPr>
            <p:cNvPr id="36" name="Freeform 35"/>
            <p:cNvSpPr/>
            <p:nvPr/>
          </p:nvSpPr>
          <p:spPr>
            <a:xfrm>
              <a:off x="4459503" y="2499746"/>
              <a:ext cx="294322" cy="138362"/>
            </a:xfrm>
            <a:custGeom>
              <a:avLst/>
              <a:gdLst>
                <a:gd name="connsiteX0" fmla="*/ 0 w 935182"/>
                <a:gd name="connsiteY0" fmla="*/ 280554 h 405245"/>
                <a:gd name="connsiteX1" fmla="*/ 935182 w 935182"/>
                <a:gd name="connsiteY1" fmla="*/ 405245 h 405245"/>
                <a:gd name="connsiteX2" fmla="*/ 529937 w 935182"/>
                <a:gd name="connsiteY2" fmla="*/ 0 h 405245"/>
                <a:gd name="connsiteX3" fmla="*/ 0 w 935182"/>
                <a:gd name="connsiteY3" fmla="*/ 280554 h 40524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935182" h="405245">
                  <a:moveTo>
                    <a:pt x="0" y="280554"/>
                  </a:moveTo>
                  <a:lnTo>
                    <a:pt x="935182" y="405245"/>
                  </a:lnTo>
                  <a:lnTo>
                    <a:pt x="529937" y="0"/>
                  </a:lnTo>
                  <a:lnTo>
                    <a:pt x="0" y="280554"/>
                  </a:lnTo>
                  <a:close/>
                </a:path>
              </a:pathLst>
            </a:custGeom>
            <a:solidFill>
              <a:srgbClr val="00B050"/>
            </a:solidFill>
            <a:ln w="19050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35" name="Freeform 34"/>
            <p:cNvSpPr/>
            <p:nvPr/>
          </p:nvSpPr>
          <p:spPr>
            <a:xfrm rot="21168153">
              <a:off x="4333234" y="2489925"/>
              <a:ext cx="348707" cy="204805"/>
            </a:xfrm>
            <a:custGeom>
              <a:avLst/>
              <a:gdLst>
                <a:gd name="connsiteX0" fmla="*/ 1215736 w 1454727"/>
                <a:gd name="connsiteY0" fmla="*/ 0 h 1267690"/>
                <a:gd name="connsiteX1" fmla="*/ 1454727 w 1454727"/>
                <a:gd name="connsiteY1" fmla="*/ 353290 h 1267690"/>
                <a:gd name="connsiteX2" fmla="*/ 0 w 1454727"/>
                <a:gd name="connsiteY2" fmla="*/ 1267690 h 1267690"/>
                <a:gd name="connsiteX3" fmla="*/ 436418 w 1454727"/>
                <a:gd name="connsiteY3" fmla="*/ 602672 h 1267690"/>
                <a:gd name="connsiteX4" fmla="*/ 1215736 w 1454727"/>
                <a:gd name="connsiteY4" fmla="*/ 0 h 126769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454727" h="1267690">
                  <a:moveTo>
                    <a:pt x="1215736" y="0"/>
                  </a:moveTo>
                  <a:lnTo>
                    <a:pt x="1454727" y="353290"/>
                  </a:lnTo>
                  <a:lnTo>
                    <a:pt x="0" y="1267690"/>
                  </a:lnTo>
                  <a:lnTo>
                    <a:pt x="436418" y="602672"/>
                  </a:lnTo>
                  <a:lnTo>
                    <a:pt x="1215736" y="0"/>
                  </a:lnTo>
                  <a:close/>
                </a:path>
              </a:pathLst>
            </a:custGeom>
            <a:solidFill>
              <a:srgbClr val="0070C0"/>
            </a:solidFill>
            <a:ln w="1905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34" name="Freeform 33"/>
            <p:cNvSpPr/>
            <p:nvPr/>
          </p:nvSpPr>
          <p:spPr>
            <a:xfrm rot="21104642">
              <a:off x="4380910" y="2320973"/>
              <a:ext cx="307176" cy="229913"/>
            </a:xfrm>
            <a:custGeom>
              <a:avLst/>
              <a:gdLst>
                <a:gd name="connsiteX0" fmla="*/ 0 w 1330036"/>
                <a:gd name="connsiteY0" fmla="*/ 841664 h 1215737"/>
                <a:gd name="connsiteX1" fmla="*/ 93518 w 1330036"/>
                <a:gd name="connsiteY1" fmla="*/ 1194955 h 1215737"/>
                <a:gd name="connsiteX2" fmla="*/ 384463 w 1330036"/>
                <a:gd name="connsiteY2" fmla="*/ 1215737 h 1215737"/>
                <a:gd name="connsiteX3" fmla="*/ 1246909 w 1330036"/>
                <a:gd name="connsiteY3" fmla="*/ 716973 h 1215737"/>
                <a:gd name="connsiteX4" fmla="*/ 1330036 w 1330036"/>
                <a:gd name="connsiteY4" fmla="*/ 0 h 1215737"/>
                <a:gd name="connsiteX0" fmla="*/ 97832 w 1236517"/>
                <a:gd name="connsiteY0" fmla="*/ 458961 h 1215737"/>
                <a:gd name="connsiteX1" fmla="*/ -1 w 1236517"/>
                <a:gd name="connsiteY1" fmla="*/ 1194955 h 1215737"/>
                <a:gd name="connsiteX2" fmla="*/ 290944 w 1236517"/>
                <a:gd name="connsiteY2" fmla="*/ 1215737 h 1215737"/>
                <a:gd name="connsiteX3" fmla="*/ 1153390 w 1236517"/>
                <a:gd name="connsiteY3" fmla="*/ 716973 h 1215737"/>
                <a:gd name="connsiteX4" fmla="*/ 1236517 w 1236517"/>
                <a:gd name="connsiteY4" fmla="*/ 0 h 1215737"/>
                <a:gd name="connsiteX0" fmla="*/ 100852 w 1239537"/>
                <a:gd name="connsiteY0" fmla="*/ 458961 h 1215737"/>
                <a:gd name="connsiteX1" fmla="*/ 0 w 1239537"/>
                <a:gd name="connsiteY1" fmla="*/ 809619 h 1215737"/>
                <a:gd name="connsiteX2" fmla="*/ 3019 w 1239537"/>
                <a:gd name="connsiteY2" fmla="*/ 1194955 h 1215737"/>
                <a:gd name="connsiteX3" fmla="*/ 293964 w 1239537"/>
                <a:gd name="connsiteY3" fmla="*/ 1215737 h 1215737"/>
                <a:gd name="connsiteX4" fmla="*/ 1156410 w 1239537"/>
                <a:gd name="connsiteY4" fmla="*/ 716973 h 1215737"/>
                <a:gd name="connsiteX5" fmla="*/ 1239537 w 1239537"/>
                <a:gd name="connsiteY5" fmla="*/ 0 h 1215737"/>
                <a:gd name="connsiteX0" fmla="*/ 249682 w 1388367"/>
                <a:gd name="connsiteY0" fmla="*/ 458961 h 1215737"/>
                <a:gd name="connsiteX1" fmla="*/ 0 w 1388367"/>
                <a:gd name="connsiteY1" fmla="*/ 830880 h 1215737"/>
                <a:gd name="connsiteX2" fmla="*/ 151849 w 1388367"/>
                <a:gd name="connsiteY2" fmla="*/ 1194955 h 1215737"/>
                <a:gd name="connsiteX3" fmla="*/ 442794 w 1388367"/>
                <a:gd name="connsiteY3" fmla="*/ 1215737 h 1215737"/>
                <a:gd name="connsiteX4" fmla="*/ 1305240 w 1388367"/>
                <a:gd name="connsiteY4" fmla="*/ 716973 h 1215737"/>
                <a:gd name="connsiteX5" fmla="*/ 1388367 w 1388367"/>
                <a:gd name="connsiteY5" fmla="*/ 0 h 1215737"/>
                <a:gd name="connsiteX0" fmla="*/ 122113 w 1260798"/>
                <a:gd name="connsiteY0" fmla="*/ 458961 h 1215737"/>
                <a:gd name="connsiteX1" fmla="*/ 0 w 1260798"/>
                <a:gd name="connsiteY1" fmla="*/ 830880 h 1215737"/>
                <a:gd name="connsiteX2" fmla="*/ 24280 w 1260798"/>
                <a:gd name="connsiteY2" fmla="*/ 1194955 h 1215737"/>
                <a:gd name="connsiteX3" fmla="*/ 315225 w 1260798"/>
                <a:gd name="connsiteY3" fmla="*/ 1215737 h 1215737"/>
                <a:gd name="connsiteX4" fmla="*/ 1177671 w 1260798"/>
                <a:gd name="connsiteY4" fmla="*/ 716973 h 1215737"/>
                <a:gd name="connsiteX5" fmla="*/ 1260798 w 1260798"/>
                <a:gd name="connsiteY5" fmla="*/ 0 h 1215737"/>
                <a:gd name="connsiteX0" fmla="*/ 122113 w 1260798"/>
                <a:gd name="connsiteY0" fmla="*/ 458961 h 1302932"/>
                <a:gd name="connsiteX1" fmla="*/ 0 w 1260798"/>
                <a:gd name="connsiteY1" fmla="*/ 830880 h 1302932"/>
                <a:gd name="connsiteX2" fmla="*/ 24280 w 1260798"/>
                <a:gd name="connsiteY2" fmla="*/ 1194955 h 1302932"/>
                <a:gd name="connsiteX3" fmla="*/ 336485 w 1260798"/>
                <a:gd name="connsiteY3" fmla="*/ 1302932 h 1302932"/>
                <a:gd name="connsiteX4" fmla="*/ 1177671 w 1260798"/>
                <a:gd name="connsiteY4" fmla="*/ 716973 h 1302932"/>
                <a:gd name="connsiteX5" fmla="*/ 1260798 w 1260798"/>
                <a:gd name="connsiteY5" fmla="*/ 0 h 1302932"/>
                <a:gd name="connsiteX0" fmla="*/ 161634 w 1300319"/>
                <a:gd name="connsiteY0" fmla="*/ 458961 h 1347547"/>
                <a:gd name="connsiteX1" fmla="*/ 39521 w 1300319"/>
                <a:gd name="connsiteY1" fmla="*/ 830880 h 1347547"/>
                <a:gd name="connsiteX2" fmla="*/ 16 w 1300319"/>
                <a:gd name="connsiteY2" fmla="*/ 1347547 h 1347547"/>
                <a:gd name="connsiteX3" fmla="*/ 376006 w 1300319"/>
                <a:gd name="connsiteY3" fmla="*/ 1302932 h 1347547"/>
                <a:gd name="connsiteX4" fmla="*/ 1217192 w 1300319"/>
                <a:gd name="connsiteY4" fmla="*/ 716973 h 1347547"/>
                <a:gd name="connsiteX5" fmla="*/ 1300319 w 1300319"/>
                <a:gd name="connsiteY5" fmla="*/ 0 h 1347547"/>
                <a:gd name="connsiteX0" fmla="*/ 161634 w 1300319"/>
                <a:gd name="connsiteY0" fmla="*/ 458961 h 1392009"/>
                <a:gd name="connsiteX1" fmla="*/ 39521 w 1300319"/>
                <a:gd name="connsiteY1" fmla="*/ 830880 h 1392009"/>
                <a:gd name="connsiteX2" fmla="*/ 16 w 1300319"/>
                <a:gd name="connsiteY2" fmla="*/ 1347547 h 1392009"/>
                <a:gd name="connsiteX3" fmla="*/ 376006 w 1300319"/>
                <a:gd name="connsiteY3" fmla="*/ 1302932 h 1392009"/>
                <a:gd name="connsiteX4" fmla="*/ 1217192 w 1300319"/>
                <a:gd name="connsiteY4" fmla="*/ 716973 h 1392009"/>
                <a:gd name="connsiteX5" fmla="*/ 1300319 w 130031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47547"/>
                <a:gd name="connsiteX1" fmla="*/ 39511 w 1300309"/>
                <a:gd name="connsiteY1" fmla="*/ 830880 h 1347547"/>
                <a:gd name="connsiteX2" fmla="*/ 6 w 1300309"/>
                <a:gd name="connsiteY2" fmla="*/ 1347547 h 1347547"/>
                <a:gd name="connsiteX3" fmla="*/ 1217182 w 1300309"/>
                <a:gd name="connsiteY3" fmla="*/ 716973 h 1347547"/>
                <a:gd name="connsiteX4" fmla="*/ 1300309 w 1300309"/>
                <a:gd name="connsiteY4" fmla="*/ 0 h 1347547"/>
                <a:gd name="connsiteX0" fmla="*/ 289193 w 1217180"/>
                <a:gd name="connsiteY0" fmla="*/ 1 h 888588"/>
                <a:gd name="connsiteX1" fmla="*/ 39511 w 1217180"/>
                <a:gd name="connsiteY1" fmla="*/ 371921 h 888588"/>
                <a:gd name="connsiteX2" fmla="*/ 6 w 1217180"/>
                <a:gd name="connsiteY2" fmla="*/ 888588 h 888588"/>
                <a:gd name="connsiteX3" fmla="*/ 1217182 w 1217180"/>
                <a:gd name="connsiteY3" fmla="*/ 258014 h 88858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217180" h="888588">
                  <a:moveTo>
                    <a:pt x="289193" y="1"/>
                  </a:moveTo>
                  <a:cubicBezTo>
                    <a:pt x="248489" y="123974"/>
                    <a:pt x="207781" y="247947"/>
                    <a:pt x="39511" y="371921"/>
                  </a:cubicBezTo>
                  <a:cubicBezTo>
                    <a:pt x="168084" y="522164"/>
                    <a:pt x="-1000" y="760143"/>
                    <a:pt x="6" y="888588"/>
                  </a:cubicBezTo>
                  <a:cubicBezTo>
                    <a:pt x="196285" y="869603"/>
                    <a:pt x="1000465" y="482605"/>
                    <a:pt x="1217182" y="258014"/>
                  </a:cubicBezTo>
                </a:path>
              </a:pathLst>
            </a:custGeom>
            <a:solidFill>
              <a:schemeClr val="accent6">
                <a:lumMod val="75000"/>
              </a:schemeClr>
            </a:solidFill>
            <a:ln w="19050"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37" name="Freeform 36"/>
            <p:cNvSpPr/>
            <p:nvPr/>
          </p:nvSpPr>
          <p:spPr>
            <a:xfrm rot="159582">
              <a:off x="4105746" y="2027532"/>
              <a:ext cx="818164" cy="369371"/>
            </a:xfrm>
            <a:custGeom>
              <a:avLst/>
              <a:gdLst>
                <a:gd name="connsiteX0" fmla="*/ 1257300 w 3241964"/>
                <a:gd name="connsiteY0" fmla="*/ 872836 h 1392382"/>
                <a:gd name="connsiteX1" fmla="*/ 1672936 w 3241964"/>
                <a:gd name="connsiteY1" fmla="*/ 0 h 1392382"/>
                <a:gd name="connsiteX2" fmla="*/ 2337955 w 3241964"/>
                <a:gd name="connsiteY2" fmla="*/ 62345 h 1392382"/>
                <a:gd name="connsiteX3" fmla="*/ 2639291 w 3241964"/>
                <a:gd name="connsiteY3" fmla="*/ 1143000 h 1392382"/>
                <a:gd name="connsiteX4" fmla="*/ 644236 w 3241964"/>
                <a:gd name="connsiteY4" fmla="*/ 748145 h 1392382"/>
                <a:gd name="connsiteX5" fmla="*/ 0 w 3241964"/>
                <a:gd name="connsiteY5" fmla="*/ 997527 h 1392382"/>
                <a:gd name="connsiteX6" fmla="*/ 3241964 w 3241964"/>
                <a:gd name="connsiteY6" fmla="*/ 1392382 h 1392382"/>
                <a:gd name="connsiteX7" fmla="*/ 2639291 w 3241964"/>
                <a:gd name="connsiteY7" fmla="*/ 1132609 h 139238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241964" h="1392382">
                  <a:moveTo>
                    <a:pt x="1257300" y="872836"/>
                  </a:moveTo>
                  <a:lnTo>
                    <a:pt x="1672936" y="0"/>
                  </a:lnTo>
                  <a:lnTo>
                    <a:pt x="2337955" y="62345"/>
                  </a:lnTo>
                  <a:lnTo>
                    <a:pt x="2639291" y="1143000"/>
                  </a:lnTo>
                  <a:lnTo>
                    <a:pt x="644236" y="748145"/>
                  </a:lnTo>
                  <a:lnTo>
                    <a:pt x="0" y="997527"/>
                  </a:lnTo>
                  <a:lnTo>
                    <a:pt x="3241964" y="1392382"/>
                  </a:lnTo>
                  <a:lnTo>
                    <a:pt x="2639291" y="1132609"/>
                  </a:lnTo>
                </a:path>
              </a:pathLst>
            </a:custGeom>
            <a:solidFill>
              <a:srgbClr val="FFC000"/>
            </a:solidFill>
            <a:ln w="1905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</p:grpSp>
      <p:pic>
        <p:nvPicPr>
          <p:cNvPr id="117" name="Picture 3" descr="\\s81dsp01data01\ACIS-Udrive\Users\i85505\Profile_data\Desktop\Microsoft_Excel_2013_logo_svg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70623" y="3815652"/>
            <a:ext cx="164911" cy="1619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8" name="Picture 4" descr="\\s81dsp01data01\ACIS-Udrive\Users\i85505\Profile_data\Desktop\Microsoft_PowerPoint_2013_logo_sv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40007" y="3796033"/>
            <a:ext cx="192353" cy="1889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\\s81dsp01data01\ACIS-Udrive\Users\i85505\Profile_data\Desktop\images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96981" y="3804399"/>
            <a:ext cx="180539" cy="1805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2" descr="\\s81dsp01data01\ACIS-Udrive\Users\i85505\Profile_data\Desktop\Microsoft_Word_2013_logo_svg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52561" y="3815652"/>
            <a:ext cx="172427" cy="1692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88542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2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2000"/>
                            </p:stCondLst>
                            <p:childTnLst>
                              <p:par>
                                <p:cTn id="9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1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9" name="Group 8"/>
          <p:cNvGrpSpPr/>
          <p:nvPr/>
        </p:nvGrpSpPr>
        <p:grpSpPr>
          <a:xfrm>
            <a:off x="4454210" y="1790695"/>
            <a:ext cx="3109763" cy="1645151"/>
            <a:chOff x="4454210" y="1635646"/>
            <a:chExt cx="3109763" cy="1645151"/>
          </a:xfrm>
        </p:grpSpPr>
        <p:sp>
          <p:nvSpPr>
            <p:cNvPr id="114" name="TextBox 113"/>
            <p:cNvSpPr txBox="1"/>
            <p:nvPr/>
          </p:nvSpPr>
          <p:spPr>
            <a:xfrm>
              <a:off x="4572000" y="2157513"/>
              <a:ext cx="2991973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200" dirty="0" smtClean="0">
                  <a:solidFill>
                    <a:schemeClr val="tx1">
                      <a:lumMod val="75000"/>
                      <a:lumOff val="25000"/>
                    </a:schemeClr>
                  </a:solidFill>
                  <a:latin typeface="Segoe UI Light" panose="020B0502040204020203" pitchFamily="34" charset="0"/>
                </a:rPr>
                <a:t>Introducing </a:t>
              </a:r>
              <a:r>
                <a:rPr lang="en-GB" sz="1200" dirty="0" smtClean="0">
                  <a:solidFill>
                    <a:schemeClr val="accent6">
                      <a:lumMod val="75000"/>
                    </a:schemeClr>
                  </a:solidFill>
                  <a:latin typeface="Segoe UI Light" panose="020B0502040204020203" pitchFamily="34" charset="0"/>
                </a:rPr>
                <a:t>Power Point Class Room Design</a:t>
              </a:r>
            </a:p>
          </p:txBody>
        </p:sp>
        <p:sp>
          <p:nvSpPr>
            <p:cNvPr id="112" name="TextBox 111"/>
            <p:cNvSpPr txBox="1"/>
            <p:nvPr/>
          </p:nvSpPr>
          <p:spPr>
            <a:xfrm>
              <a:off x="4572000" y="3003798"/>
              <a:ext cx="2001125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200" dirty="0" smtClean="0">
                  <a:solidFill>
                    <a:schemeClr val="tx1">
                      <a:lumMod val="75000"/>
                      <a:lumOff val="25000"/>
                    </a:schemeClr>
                  </a:solidFill>
                  <a:latin typeface="Segoe UI Light" panose="020B0502040204020203" pitchFamily="34" charset="0"/>
                </a:rPr>
                <a:t>Introducing </a:t>
              </a:r>
              <a:r>
                <a:rPr lang="en-GB" sz="1200" dirty="0" smtClean="0">
                  <a:solidFill>
                    <a:srgbClr val="00B050"/>
                  </a:solidFill>
                  <a:latin typeface="Segoe UI Light" panose="020B0502040204020203" pitchFamily="34" charset="0"/>
                </a:rPr>
                <a:t>Excel DataStore</a:t>
              </a:r>
              <a:endParaRPr lang="en-GB" sz="1200" dirty="0">
                <a:solidFill>
                  <a:srgbClr val="00B050"/>
                </a:solidFill>
                <a:latin typeface="Segoe UI Light" panose="020B0502040204020203" pitchFamily="34" charset="0"/>
              </a:endParaRPr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4454210" y="1635646"/>
              <a:ext cx="2236703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Segoe UI Light" panose="020B0502040204020203" pitchFamily="34" charset="0"/>
                </a:rPr>
                <a:t>H</a:t>
              </a:r>
              <a:r>
                <a:rPr lang="en-GB" dirty="0" smtClean="0">
                  <a:solidFill>
                    <a:schemeClr val="tx1">
                      <a:lumMod val="75000"/>
                      <a:lumOff val="25000"/>
                    </a:schemeClr>
                  </a:solidFill>
                  <a:latin typeface="Segoe UI Light" panose="020B0502040204020203" pitchFamily="34" charset="0"/>
                </a:rPr>
                <a:t>igh</a:t>
              </a:r>
              <a:r>
                <a:rPr lang="en-GB" dirty="0" smtClean="0">
                  <a:solidFill>
                    <a:srgbClr val="FFC000"/>
                  </a:solidFill>
                  <a:latin typeface="Segoe UI Light" panose="020B0502040204020203" pitchFamily="34" charset="0"/>
                </a:rPr>
                <a:t>l</a:t>
              </a:r>
              <a:r>
                <a:rPr lang="en-GB" dirty="0" smtClean="0">
                  <a:solidFill>
                    <a:schemeClr val="tx1">
                      <a:lumMod val="75000"/>
                      <a:lumOff val="25000"/>
                    </a:schemeClr>
                  </a:solidFill>
                  <a:latin typeface="Segoe UI Light" panose="020B0502040204020203" pitchFamily="34" charset="0"/>
                </a:rPr>
                <a:t>ighted </a:t>
              </a:r>
              <a:r>
                <a:rPr lang="en-GB" dirty="0" smtClean="0">
                  <a:solidFill>
                    <a:srgbClr val="0070C0"/>
                  </a:solidFill>
                  <a:latin typeface="Segoe UI Light" panose="020B0502040204020203" pitchFamily="34" charset="0"/>
                </a:rPr>
                <a:t>F</a:t>
              </a:r>
              <a:r>
                <a:rPr lang="en-GB" dirty="0" smtClean="0">
                  <a:solidFill>
                    <a:schemeClr val="tx1">
                      <a:lumMod val="75000"/>
                      <a:lumOff val="25000"/>
                    </a:schemeClr>
                  </a:solidFill>
                  <a:latin typeface="Segoe UI Light" panose="020B0502040204020203" pitchFamily="34" charset="0"/>
                </a:rPr>
                <a:t>eature</a:t>
              </a:r>
              <a:r>
                <a:rPr lang="en-GB" dirty="0" smtClean="0">
                  <a:solidFill>
                    <a:srgbClr val="00B050"/>
                  </a:solidFill>
                  <a:latin typeface="Segoe UI Light" panose="020B0502040204020203" pitchFamily="34" charset="0"/>
                </a:rPr>
                <a:t>s</a:t>
              </a:r>
              <a:endParaRPr lang="en-GB" dirty="0">
                <a:solidFill>
                  <a:srgbClr val="00B050"/>
                </a:solidFill>
                <a:latin typeface="Segoe UI Light" panose="020B0502040204020203" pitchFamily="34" charset="0"/>
              </a:endParaRPr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4572000" y="2434512"/>
              <a:ext cx="245785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200" dirty="0" smtClean="0">
                  <a:solidFill>
                    <a:schemeClr val="tx1">
                      <a:lumMod val="75000"/>
                      <a:lumOff val="25000"/>
                    </a:schemeClr>
                  </a:solidFill>
                  <a:latin typeface="Segoe UI Light" panose="020B0502040204020203" pitchFamily="34" charset="0"/>
                </a:rPr>
                <a:t>Introducing </a:t>
              </a:r>
              <a:r>
                <a:rPr lang="en-GB" sz="1200" dirty="0" smtClean="0">
                  <a:solidFill>
                    <a:srgbClr val="FFC000"/>
                  </a:solidFill>
                  <a:latin typeface="Segoe UI Light" panose="020B0502040204020203" pitchFamily="34" charset="0"/>
                </a:rPr>
                <a:t>Outlook Authentication</a:t>
              </a:r>
              <a:endParaRPr lang="en-GB" sz="1200" dirty="0">
                <a:solidFill>
                  <a:srgbClr val="FFC000"/>
                </a:solidFill>
                <a:latin typeface="Segoe UI Light" panose="020B0502040204020203" pitchFamily="34" charset="0"/>
              </a:endParaRPr>
            </a:p>
          </p:txBody>
        </p:sp>
        <p:sp>
          <p:nvSpPr>
            <p:cNvPr id="51" name="TextBox 50"/>
            <p:cNvSpPr txBox="1"/>
            <p:nvPr/>
          </p:nvSpPr>
          <p:spPr>
            <a:xfrm>
              <a:off x="4572000" y="2720994"/>
              <a:ext cx="1997470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200" dirty="0" smtClean="0">
                  <a:solidFill>
                    <a:schemeClr val="tx1">
                      <a:lumMod val="75000"/>
                      <a:lumOff val="25000"/>
                    </a:schemeClr>
                  </a:solidFill>
                  <a:latin typeface="Segoe UI Light" panose="020B0502040204020203" pitchFamily="34" charset="0"/>
                </a:rPr>
                <a:t>Introducing </a:t>
              </a:r>
              <a:r>
                <a:rPr lang="en-GB" sz="1200" dirty="0" smtClean="0">
                  <a:solidFill>
                    <a:srgbClr val="0070C0"/>
                  </a:solidFill>
                  <a:latin typeface="Segoe UI Light" panose="020B0502040204020203" pitchFamily="34" charset="0"/>
                </a:rPr>
                <a:t>Word Reporting</a:t>
              </a:r>
              <a:endParaRPr lang="en-GB" sz="1200" dirty="0">
                <a:solidFill>
                  <a:srgbClr val="0070C0"/>
                </a:solidFill>
                <a:latin typeface="Segoe UI Light" panose="020B0502040204020203" pitchFamily="34" charset="0"/>
              </a:endParaRPr>
            </a:p>
          </p:txBody>
        </p:sp>
        <p:sp>
          <p:nvSpPr>
            <p:cNvPr id="8" name="Oval 7"/>
            <p:cNvSpPr/>
            <p:nvPr/>
          </p:nvSpPr>
          <p:spPr>
            <a:xfrm>
              <a:off x="4513105" y="2296011"/>
              <a:ext cx="58895" cy="69250"/>
            </a:xfrm>
            <a:prstGeom prst="ellipse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55" name="Oval 54"/>
            <p:cNvSpPr/>
            <p:nvPr/>
          </p:nvSpPr>
          <p:spPr>
            <a:xfrm>
              <a:off x="4513105" y="2574508"/>
              <a:ext cx="58895" cy="69250"/>
            </a:xfrm>
            <a:prstGeom prst="ellipse">
              <a:avLst/>
            </a:prstGeom>
            <a:solidFill>
              <a:srgbClr val="FFC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56" name="Oval 55"/>
            <p:cNvSpPr/>
            <p:nvPr/>
          </p:nvSpPr>
          <p:spPr>
            <a:xfrm>
              <a:off x="4513105" y="2862540"/>
              <a:ext cx="58895" cy="69250"/>
            </a:xfrm>
            <a:prstGeom prst="ellipse">
              <a:avLst/>
            </a:prstGeom>
            <a:solidFill>
              <a:srgbClr val="0070C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57" name="Oval 56"/>
            <p:cNvSpPr/>
            <p:nvPr/>
          </p:nvSpPr>
          <p:spPr>
            <a:xfrm>
              <a:off x="4499992" y="3075806"/>
              <a:ext cx="58895" cy="69250"/>
            </a:xfrm>
            <a:prstGeom prst="ellipse">
              <a:avLst/>
            </a:prstGeom>
            <a:solidFill>
              <a:srgbClr val="00B05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</p:grpSp>
      <p:grpSp>
        <p:nvGrpSpPr>
          <p:cNvPr id="65" name="Group 64"/>
          <p:cNvGrpSpPr/>
          <p:nvPr/>
        </p:nvGrpSpPr>
        <p:grpSpPr>
          <a:xfrm>
            <a:off x="3851920" y="2027532"/>
            <a:ext cx="1439818" cy="1299358"/>
            <a:chOff x="3851920" y="2027532"/>
            <a:chExt cx="1439818" cy="1299358"/>
          </a:xfrm>
        </p:grpSpPr>
        <p:sp>
          <p:nvSpPr>
            <p:cNvPr id="66" name="TextBox 65"/>
            <p:cNvSpPr txBox="1"/>
            <p:nvPr/>
          </p:nvSpPr>
          <p:spPr>
            <a:xfrm>
              <a:off x="4034316" y="2650162"/>
              <a:ext cx="1050288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rial Black" panose="020B0A04020102020204" pitchFamily="34" charset="0"/>
                </a:rPr>
                <a:t> </a:t>
              </a:r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P</a:t>
              </a:r>
              <a:r>
                <a:rPr lang="en-GB" dirty="0" smtClean="0">
                  <a:solidFill>
                    <a:srgbClr val="FFC00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O</a:t>
              </a:r>
              <a:r>
                <a:rPr lang="en-GB" dirty="0" smtClean="0">
                  <a:solidFill>
                    <a:srgbClr val="0070C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W</a:t>
              </a:r>
              <a:r>
                <a:rPr lang="en-GB" dirty="0" smtClean="0">
                  <a:solidFill>
                    <a:srgbClr val="00B05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X </a:t>
              </a:r>
            </a:p>
          </p:txBody>
        </p:sp>
        <p:sp>
          <p:nvSpPr>
            <p:cNvPr id="67" name="Freeform 66"/>
            <p:cNvSpPr/>
            <p:nvPr/>
          </p:nvSpPr>
          <p:spPr>
            <a:xfrm>
              <a:off x="4459503" y="2499746"/>
              <a:ext cx="294322" cy="138362"/>
            </a:xfrm>
            <a:custGeom>
              <a:avLst/>
              <a:gdLst>
                <a:gd name="connsiteX0" fmla="*/ 0 w 935182"/>
                <a:gd name="connsiteY0" fmla="*/ 280554 h 405245"/>
                <a:gd name="connsiteX1" fmla="*/ 935182 w 935182"/>
                <a:gd name="connsiteY1" fmla="*/ 405245 h 405245"/>
                <a:gd name="connsiteX2" fmla="*/ 529937 w 935182"/>
                <a:gd name="connsiteY2" fmla="*/ 0 h 405245"/>
                <a:gd name="connsiteX3" fmla="*/ 0 w 935182"/>
                <a:gd name="connsiteY3" fmla="*/ 280554 h 40524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935182" h="405245">
                  <a:moveTo>
                    <a:pt x="0" y="280554"/>
                  </a:moveTo>
                  <a:lnTo>
                    <a:pt x="935182" y="405245"/>
                  </a:lnTo>
                  <a:lnTo>
                    <a:pt x="529937" y="0"/>
                  </a:lnTo>
                  <a:lnTo>
                    <a:pt x="0" y="280554"/>
                  </a:lnTo>
                  <a:close/>
                </a:path>
              </a:pathLst>
            </a:custGeom>
            <a:solidFill>
              <a:srgbClr val="00B050"/>
            </a:solidFill>
            <a:ln w="19050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68" name="Freeform 67"/>
            <p:cNvSpPr/>
            <p:nvPr/>
          </p:nvSpPr>
          <p:spPr>
            <a:xfrm rot="21168153">
              <a:off x="4333234" y="2489925"/>
              <a:ext cx="348707" cy="204805"/>
            </a:xfrm>
            <a:custGeom>
              <a:avLst/>
              <a:gdLst>
                <a:gd name="connsiteX0" fmla="*/ 1215736 w 1454727"/>
                <a:gd name="connsiteY0" fmla="*/ 0 h 1267690"/>
                <a:gd name="connsiteX1" fmla="*/ 1454727 w 1454727"/>
                <a:gd name="connsiteY1" fmla="*/ 353290 h 1267690"/>
                <a:gd name="connsiteX2" fmla="*/ 0 w 1454727"/>
                <a:gd name="connsiteY2" fmla="*/ 1267690 h 1267690"/>
                <a:gd name="connsiteX3" fmla="*/ 436418 w 1454727"/>
                <a:gd name="connsiteY3" fmla="*/ 602672 h 1267690"/>
                <a:gd name="connsiteX4" fmla="*/ 1215736 w 1454727"/>
                <a:gd name="connsiteY4" fmla="*/ 0 h 126769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454727" h="1267690">
                  <a:moveTo>
                    <a:pt x="1215736" y="0"/>
                  </a:moveTo>
                  <a:lnTo>
                    <a:pt x="1454727" y="353290"/>
                  </a:lnTo>
                  <a:lnTo>
                    <a:pt x="0" y="1267690"/>
                  </a:lnTo>
                  <a:lnTo>
                    <a:pt x="436418" y="602672"/>
                  </a:lnTo>
                  <a:lnTo>
                    <a:pt x="1215736" y="0"/>
                  </a:lnTo>
                  <a:close/>
                </a:path>
              </a:pathLst>
            </a:custGeom>
            <a:solidFill>
              <a:srgbClr val="0070C0"/>
            </a:solidFill>
            <a:ln w="1905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69" name="TextBox 68"/>
            <p:cNvSpPr txBox="1"/>
            <p:nvPr/>
          </p:nvSpPr>
          <p:spPr>
            <a:xfrm>
              <a:off x="3851920" y="2988336"/>
              <a:ext cx="1439818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600" dirty="0" smtClean="0">
                  <a:solidFill>
                    <a:schemeClr val="bg1">
                      <a:lumMod val="50000"/>
                    </a:schemeClr>
                  </a:solidFill>
                  <a:latin typeface="Arabic Typesetting" panose="03020402040406030203" pitchFamily="66" charset="-78"/>
                  <a:ea typeface="MS UI Gothic" panose="020B0600070205080204" pitchFamily="34" charset="-128"/>
                  <a:cs typeface="Arabic Typesetting" panose="03020402040406030203" pitchFamily="66" charset="-78"/>
                </a:rPr>
                <a:t>Software Architecture</a:t>
              </a:r>
            </a:p>
          </p:txBody>
        </p:sp>
        <p:sp>
          <p:nvSpPr>
            <p:cNvPr id="70" name="Freeform 69"/>
            <p:cNvSpPr/>
            <p:nvPr/>
          </p:nvSpPr>
          <p:spPr>
            <a:xfrm rot="21104642">
              <a:off x="4380910" y="2320973"/>
              <a:ext cx="307176" cy="229913"/>
            </a:xfrm>
            <a:custGeom>
              <a:avLst/>
              <a:gdLst>
                <a:gd name="connsiteX0" fmla="*/ 0 w 1330036"/>
                <a:gd name="connsiteY0" fmla="*/ 841664 h 1215737"/>
                <a:gd name="connsiteX1" fmla="*/ 93518 w 1330036"/>
                <a:gd name="connsiteY1" fmla="*/ 1194955 h 1215737"/>
                <a:gd name="connsiteX2" fmla="*/ 384463 w 1330036"/>
                <a:gd name="connsiteY2" fmla="*/ 1215737 h 1215737"/>
                <a:gd name="connsiteX3" fmla="*/ 1246909 w 1330036"/>
                <a:gd name="connsiteY3" fmla="*/ 716973 h 1215737"/>
                <a:gd name="connsiteX4" fmla="*/ 1330036 w 1330036"/>
                <a:gd name="connsiteY4" fmla="*/ 0 h 1215737"/>
                <a:gd name="connsiteX0" fmla="*/ 97832 w 1236517"/>
                <a:gd name="connsiteY0" fmla="*/ 458961 h 1215737"/>
                <a:gd name="connsiteX1" fmla="*/ -1 w 1236517"/>
                <a:gd name="connsiteY1" fmla="*/ 1194955 h 1215737"/>
                <a:gd name="connsiteX2" fmla="*/ 290944 w 1236517"/>
                <a:gd name="connsiteY2" fmla="*/ 1215737 h 1215737"/>
                <a:gd name="connsiteX3" fmla="*/ 1153390 w 1236517"/>
                <a:gd name="connsiteY3" fmla="*/ 716973 h 1215737"/>
                <a:gd name="connsiteX4" fmla="*/ 1236517 w 1236517"/>
                <a:gd name="connsiteY4" fmla="*/ 0 h 1215737"/>
                <a:gd name="connsiteX0" fmla="*/ 100852 w 1239537"/>
                <a:gd name="connsiteY0" fmla="*/ 458961 h 1215737"/>
                <a:gd name="connsiteX1" fmla="*/ 0 w 1239537"/>
                <a:gd name="connsiteY1" fmla="*/ 809619 h 1215737"/>
                <a:gd name="connsiteX2" fmla="*/ 3019 w 1239537"/>
                <a:gd name="connsiteY2" fmla="*/ 1194955 h 1215737"/>
                <a:gd name="connsiteX3" fmla="*/ 293964 w 1239537"/>
                <a:gd name="connsiteY3" fmla="*/ 1215737 h 1215737"/>
                <a:gd name="connsiteX4" fmla="*/ 1156410 w 1239537"/>
                <a:gd name="connsiteY4" fmla="*/ 716973 h 1215737"/>
                <a:gd name="connsiteX5" fmla="*/ 1239537 w 1239537"/>
                <a:gd name="connsiteY5" fmla="*/ 0 h 1215737"/>
                <a:gd name="connsiteX0" fmla="*/ 249682 w 1388367"/>
                <a:gd name="connsiteY0" fmla="*/ 458961 h 1215737"/>
                <a:gd name="connsiteX1" fmla="*/ 0 w 1388367"/>
                <a:gd name="connsiteY1" fmla="*/ 830880 h 1215737"/>
                <a:gd name="connsiteX2" fmla="*/ 151849 w 1388367"/>
                <a:gd name="connsiteY2" fmla="*/ 1194955 h 1215737"/>
                <a:gd name="connsiteX3" fmla="*/ 442794 w 1388367"/>
                <a:gd name="connsiteY3" fmla="*/ 1215737 h 1215737"/>
                <a:gd name="connsiteX4" fmla="*/ 1305240 w 1388367"/>
                <a:gd name="connsiteY4" fmla="*/ 716973 h 1215737"/>
                <a:gd name="connsiteX5" fmla="*/ 1388367 w 1388367"/>
                <a:gd name="connsiteY5" fmla="*/ 0 h 1215737"/>
                <a:gd name="connsiteX0" fmla="*/ 122113 w 1260798"/>
                <a:gd name="connsiteY0" fmla="*/ 458961 h 1215737"/>
                <a:gd name="connsiteX1" fmla="*/ 0 w 1260798"/>
                <a:gd name="connsiteY1" fmla="*/ 830880 h 1215737"/>
                <a:gd name="connsiteX2" fmla="*/ 24280 w 1260798"/>
                <a:gd name="connsiteY2" fmla="*/ 1194955 h 1215737"/>
                <a:gd name="connsiteX3" fmla="*/ 315225 w 1260798"/>
                <a:gd name="connsiteY3" fmla="*/ 1215737 h 1215737"/>
                <a:gd name="connsiteX4" fmla="*/ 1177671 w 1260798"/>
                <a:gd name="connsiteY4" fmla="*/ 716973 h 1215737"/>
                <a:gd name="connsiteX5" fmla="*/ 1260798 w 1260798"/>
                <a:gd name="connsiteY5" fmla="*/ 0 h 1215737"/>
                <a:gd name="connsiteX0" fmla="*/ 122113 w 1260798"/>
                <a:gd name="connsiteY0" fmla="*/ 458961 h 1302932"/>
                <a:gd name="connsiteX1" fmla="*/ 0 w 1260798"/>
                <a:gd name="connsiteY1" fmla="*/ 830880 h 1302932"/>
                <a:gd name="connsiteX2" fmla="*/ 24280 w 1260798"/>
                <a:gd name="connsiteY2" fmla="*/ 1194955 h 1302932"/>
                <a:gd name="connsiteX3" fmla="*/ 336485 w 1260798"/>
                <a:gd name="connsiteY3" fmla="*/ 1302932 h 1302932"/>
                <a:gd name="connsiteX4" fmla="*/ 1177671 w 1260798"/>
                <a:gd name="connsiteY4" fmla="*/ 716973 h 1302932"/>
                <a:gd name="connsiteX5" fmla="*/ 1260798 w 1260798"/>
                <a:gd name="connsiteY5" fmla="*/ 0 h 1302932"/>
                <a:gd name="connsiteX0" fmla="*/ 161634 w 1300319"/>
                <a:gd name="connsiteY0" fmla="*/ 458961 h 1347547"/>
                <a:gd name="connsiteX1" fmla="*/ 39521 w 1300319"/>
                <a:gd name="connsiteY1" fmla="*/ 830880 h 1347547"/>
                <a:gd name="connsiteX2" fmla="*/ 16 w 1300319"/>
                <a:gd name="connsiteY2" fmla="*/ 1347547 h 1347547"/>
                <a:gd name="connsiteX3" fmla="*/ 376006 w 1300319"/>
                <a:gd name="connsiteY3" fmla="*/ 1302932 h 1347547"/>
                <a:gd name="connsiteX4" fmla="*/ 1217192 w 1300319"/>
                <a:gd name="connsiteY4" fmla="*/ 716973 h 1347547"/>
                <a:gd name="connsiteX5" fmla="*/ 1300319 w 1300319"/>
                <a:gd name="connsiteY5" fmla="*/ 0 h 1347547"/>
                <a:gd name="connsiteX0" fmla="*/ 161634 w 1300319"/>
                <a:gd name="connsiteY0" fmla="*/ 458961 h 1392009"/>
                <a:gd name="connsiteX1" fmla="*/ 39521 w 1300319"/>
                <a:gd name="connsiteY1" fmla="*/ 830880 h 1392009"/>
                <a:gd name="connsiteX2" fmla="*/ 16 w 1300319"/>
                <a:gd name="connsiteY2" fmla="*/ 1347547 h 1392009"/>
                <a:gd name="connsiteX3" fmla="*/ 376006 w 1300319"/>
                <a:gd name="connsiteY3" fmla="*/ 1302932 h 1392009"/>
                <a:gd name="connsiteX4" fmla="*/ 1217192 w 1300319"/>
                <a:gd name="connsiteY4" fmla="*/ 716973 h 1392009"/>
                <a:gd name="connsiteX5" fmla="*/ 1300319 w 130031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47547"/>
                <a:gd name="connsiteX1" fmla="*/ 39511 w 1300309"/>
                <a:gd name="connsiteY1" fmla="*/ 830880 h 1347547"/>
                <a:gd name="connsiteX2" fmla="*/ 6 w 1300309"/>
                <a:gd name="connsiteY2" fmla="*/ 1347547 h 1347547"/>
                <a:gd name="connsiteX3" fmla="*/ 1217182 w 1300309"/>
                <a:gd name="connsiteY3" fmla="*/ 716973 h 1347547"/>
                <a:gd name="connsiteX4" fmla="*/ 1300309 w 1300309"/>
                <a:gd name="connsiteY4" fmla="*/ 0 h 1347547"/>
                <a:gd name="connsiteX0" fmla="*/ 289193 w 1217180"/>
                <a:gd name="connsiteY0" fmla="*/ 1 h 888588"/>
                <a:gd name="connsiteX1" fmla="*/ 39511 w 1217180"/>
                <a:gd name="connsiteY1" fmla="*/ 371921 h 888588"/>
                <a:gd name="connsiteX2" fmla="*/ 6 w 1217180"/>
                <a:gd name="connsiteY2" fmla="*/ 888588 h 888588"/>
                <a:gd name="connsiteX3" fmla="*/ 1217182 w 1217180"/>
                <a:gd name="connsiteY3" fmla="*/ 258014 h 88858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217180" h="888588">
                  <a:moveTo>
                    <a:pt x="289193" y="1"/>
                  </a:moveTo>
                  <a:cubicBezTo>
                    <a:pt x="248489" y="123974"/>
                    <a:pt x="207781" y="247947"/>
                    <a:pt x="39511" y="371921"/>
                  </a:cubicBezTo>
                  <a:cubicBezTo>
                    <a:pt x="168084" y="522164"/>
                    <a:pt x="-1000" y="760143"/>
                    <a:pt x="6" y="888588"/>
                  </a:cubicBezTo>
                  <a:cubicBezTo>
                    <a:pt x="196285" y="869603"/>
                    <a:pt x="1000465" y="482605"/>
                    <a:pt x="1217182" y="258014"/>
                  </a:cubicBezTo>
                </a:path>
              </a:pathLst>
            </a:custGeom>
            <a:solidFill>
              <a:schemeClr val="accent6">
                <a:lumMod val="75000"/>
              </a:schemeClr>
            </a:solidFill>
            <a:ln w="19050"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71" name="Freeform 70"/>
            <p:cNvSpPr/>
            <p:nvPr/>
          </p:nvSpPr>
          <p:spPr>
            <a:xfrm rot="159582">
              <a:off x="4105746" y="2027532"/>
              <a:ext cx="818164" cy="369371"/>
            </a:xfrm>
            <a:custGeom>
              <a:avLst/>
              <a:gdLst>
                <a:gd name="connsiteX0" fmla="*/ 1257300 w 3241964"/>
                <a:gd name="connsiteY0" fmla="*/ 872836 h 1392382"/>
                <a:gd name="connsiteX1" fmla="*/ 1672936 w 3241964"/>
                <a:gd name="connsiteY1" fmla="*/ 0 h 1392382"/>
                <a:gd name="connsiteX2" fmla="*/ 2337955 w 3241964"/>
                <a:gd name="connsiteY2" fmla="*/ 62345 h 1392382"/>
                <a:gd name="connsiteX3" fmla="*/ 2639291 w 3241964"/>
                <a:gd name="connsiteY3" fmla="*/ 1143000 h 1392382"/>
                <a:gd name="connsiteX4" fmla="*/ 644236 w 3241964"/>
                <a:gd name="connsiteY4" fmla="*/ 748145 h 1392382"/>
                <a:gd name="connsiteX5" fmla="*/ 0 w 3241964"/>
                <a:gd name="connsiteY5" fmla="*/ 997527 h 1392382"/>
                <a:gd name="connsiteX6" fmla="*/ 3241964 w 3241964"/>
                <a:gd name="connsiteY6" fmla="*/ 1392382 h 1392382"/>
                <a:gd name="connsiteX7" fmla="*/ 2639291 w 3241964"/>
                <a:gd name="connsiteY7" fmla="*/ 1132609 h 139238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241964" h="1392382">
                  <a:moveTo>
                    <a:pt x="1257300" y="872836"/>
                  </a:moveTo>
                  <a:lnTo>
                    <a:pt x="1672936" y="0"/>
                  </a:lnTo>
                  <a:lnTo>
                    <a:pt x="2337955" y="62345"/>
                  </a:lnTo>
                  <a:lnTo>
                    <a:pt x="2639291" y="1143000"/>
                  </a:lnTo>
                  <a:lnTo>
                    <a:pt x="644236" y="748145"/>
                  </a:lnTo>
                  <a:lnTo>
                    <a:pt x="0" y="997527"/>
                  </a:lnTo>
                  <a:lnTo>
                    <a:pt x="3241964" y="1392382"/>
                  </a:lnTo>
                  <a:lnTo>
                    <a:pt x="2639291" y="1132609"/>
                  </a:lnTo>
                </a:path>
              </a:pathLst>
            </a:custGeom>
            <a:solidFill>
              <a:srgbClr val="FFC000"/>
            </a:solidFill>
            <a:ln w="1905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</p:grpSp>
    </p:spTree>
    <p:extLst>
      <p:ext uri="{BB962C8B-B14F-4D97-AF65-F5344CB8AC3E}">
        <p14:creationId xmlns:p14="http://schemas.microsoft.com/office/powerpoint/2010/main" val="201637303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-2.64133E-6 L -0.1573 -2.64133E-6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6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7865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2000"/>
                            </p:stCondLst>
                            <p:childTnLst>
                              <p:par>
                                <p:cTn id="8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22" name="Straight Arrow Connector 21"/>
          <p:cNvCxnSpPr/>
          <p:nvPr/>
        </p:nvCxnSpPr>
        <p:spPr>
          <a:xfrm>
            <a:off x="4731505" y="2693767"/>
            <a:ext cx="504056" cy="0"/>
          </a:xfrm>
          <a:prstGeom prst="straightConnector1">
            <a:avLst/>
          </a:prstGeom>
          <a:ln w="12700">
            <a:solidFill>
              <a:schemeClr val="bg1">
                <a:lumMod val="85000"/>
              </a:schemeClr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TextBox 32"/>
          <p:cNvSpPr txBox="1"/>
          <p:nvPr/>
        </p:nvSpPr>
        <p:spPr>
          <a:xfrm>
            <a:off x="4482837" y="3826011"/>
            <a:ext cx="2632452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000" dirty="0" smtClean="0">
                <a:solidFill>
                  <a:srgbClr val="00B0F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T</a:t>
            </a:r>
            <a:r>
              <a:rPr lang="en-GB" sz="1000" dirty="0" smtClean="0">
                <a:solidFill>
                  <a:srgbClr val="0070C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he  </a:t>
            </a:r>
            <a:r>
              <a:rPr lang="en-GB" sz="1000" dirty="0" smtClean="0">
                <a:solidFill>
                  <a:srgbClr val="00B0F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C</a:t>
            </a:r>
            <a:r>
              <a:rPr lang="en-GB" sz="1000" dirty="0" smtClean="0">
                <a:solidFill>
                  <a:srgbClr val="0070C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ommunication is </a:t>
            </a:r>
            <a:r>
              <a:rPr lang="en-GB" sz="1000" dirty="0" smtClean="0">
                <a:solidFill>
                  <a:srgbClr val="00B0F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e</a:t>
            </a:r>
            <a:r>
              <a:rPr lang="en-GB" sz="1000" dirty="0" smtClean="0">
                <a:solidFill>
                  <a:srgbClr val="0070C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stablished </a:t>
            </a:r>
            <a:r>
              <a:rPr lang="en-GB" sz="1000" dirty="0" smtClean="0">
                <a:solidFill>
                  <a:srgbClr val="00B0F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u</a:t>
            </a:r>
            <a:r>
              <a:rPr lang="en-GB" sz="1000" dirty="0" smtClean="0">
                <a:solidFill>
                  <a:srgbClr val="0070C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sing </a:t>
            </a:r>
            <a:r>
              <a:rPr lang="en-GB" sz="1000" dirty="0" smtClean="0">
                <a:solidFill>
                  <a:srgbClr val="00B0F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V</a:t>
            </a:r>
            <a:r>
              <a:rPr lang="en-GB" sz="1000" dirty="0" smtClean="0">
                <a:solidFill>
                  <a:srgbClr val="0070C0"/>
                </a:solidFill>
                <a:latin typeface="Segoe UI Light" panose="020B0502040204020203" pitchFamily="34" charset="0"/>
                <a:ea typeface="MS UI Gothic" panose="020B0600070205080204" pitchFamily="34" charset="-128"/>
                <a:cs typeface="Arabic Typesetting" panose="03020402040406030203" pitchFamily="66" charset="-78"/>
              </a:rPr>
              <a:t>BA</a:t>
            </a:r>
            <a:endParaRPr lang="en-GB" sz="1000" dirty="0">
              <a:solidFill>
                <a:srgbClr val="0070C0"/>
              </a:solidFill>
              <a:latin typeface="Segoe UI Light" panose="020B0502040204020203" pitchFamily="34" charset="0"/>
            </a:endParaRPr>
          </a:p>
        </p:txBody>
      </p:sp>
      <p:grpSp>
        <p:nvGrpSpPr>
          <p:cNvPr id="34" name="Group 33"/>
          <p:cNvGrpSpPr/>
          <p:nvPr/>
        </p:nvGrpSpPr>
        <p:grpSpPr>
          <a:xfrm>
            <a:off x="395878" y="916530"/>
            <a:ext cx="1439818" cy="1299358"/>
            <a:chOff x="3851920" y="2027532"/>
            <a:chExt cx="1439818" cy="1299358"/>
          </a:xfrm>
        </p:grpSpPr>
        <p:sp>
          <p:nvSpPr>
            <p:cNvPr id="35" name="TextBox 34"/>
            <p:cNvSpPr txBox="1"/>
            <p:nvPr/>
          </p:nvSpPr>
          <p:spPr>
            <a:xfrm>
              <a:off x="4034316" y="2650162"/>
              <a:ext cx="1050288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rial Black" panose="020B0A04020102020204" pitchFamily="34" charset="0"/>
                </a:rPr>
                <a:t> </a:t>
              </a:r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P</a:t>
              </a:r>
              <a:r>
                <a:rPr lang="en-GB" dirty="0" smtClean="0">
                  <a:solidFill>
                    <a:srgbClr val="FFC00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O</a:t>
              </a:r>
              <a:r>
                <a:rPr lang="en-GB" dirty="0" smtClean="0">
                  <a:solidFill>
                    <a:srgbClr val="0070C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W</a:t>
              </a:r>
              <a:r>
                <a:rPr lang="en-GB" dirty="0" smtClean="0">
                  <a:solidFill>
                    <a:srgbClr val="00B05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X </a:t>
              </a:r>
            </a:p>
          </p:txBody>
        </p:sp>
        <p:sp>
          <p:nvSpPr>
            <p:cNvPr id="36" name="Freeform 35"/>
            <p:cNvSpPr/>
            <p:nvPr/>
          </p:nvSpPr>
          <p:spPr>
            <a:xfrm>
              <a:off x="4459503" y="2499746"/>
              <a:ext cx="294322" cy="138362"/>
            </a:xfrm>
            <a:custGeom>
              <a:avLst/>
              <a:gdLst>
                <a:gd name="connsiteX0" fmla="*/ 0 w 935182"/>
                <a:gd name="connsiteY0" fmla="*/ 280554 h 405245"/>
                <a:gd name="connsiteX1" fmla="*/ 935182 w 935182"/>
                <a:gd name="connsiteY1" fmla="*/ 405245 h 405245"/>
                <a:gd name="connsiteX2" fmla="*/ 529937 w 935182"/>
                <a:gd name="connsiteY2" fmla="*/ 0 h 405245"/>
                <a:gd name="connsiteX3" fmla="*/ 0 w 935182"/>
                <a:gd name="connsiteY3" fmla="*/ 280554 h 40524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935182" h="405245">
                  <a:moveTo>
                    <a:pt x="0" y="280554"/>
                  </a:moveTo>
                  <a:lnTo>
                    <a:pt x="935182" y="405245"/>
                  </a:lnTo>
                  <a:lnTo>
                    <a:pt x="529937" y="0"/>
                  </a:lnTo>
                  <a:lnTo>
                    <a:pt x="0" y="280554"/>
                  </a:lnTo>
                  <a:close/>
                </a:path>
              </a:pathLst>
            </a:custGeom>
            <a:solidFill>
              <a:srgbClr val="00B050"/>
            </a:solidFill>
            <a:ln w="19050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37" name="Freeform 36"/>
            <p:cNvSpPr/>
            <p:nvPr/>
          </p:nvSpPr>
          <p:spPr>
            <a:xfrm rot="21168153">
              <a:off x="4333234" y="2489925"/>
              <a:ext cx="348707" cy="204805"/>
            </a:xfrm>
            <a:custGeom>
              <a:avLst/>
              <a:gdLst>
                <a:gd name="connsiteX0" fmla="*/ 1215736 w 1454727"/>
                <a:gd name="connsiteY0" fmla="*/ 0 h 1267690"/>
                <a:gd name="connsiteX1" fmla="*/ 1454727 w 1454727"/>
                <a:gd name="connsiteY1" fmla="*/ 353290 h 1267690"/>
                <a:gd name="connsiteX2" fmla="*/ 0 w 1454727"/>
                <a:gd name="connsiteY2" fmla="*/ 1267690 h 1267690"/>
                <a:gd name="connsiteX3" fmla="*/ 436418 w 1454727"/>
                <a:gd name="connsiteY3" fmla="*/ 602672 h 1267690"/>
                <a:gd name="connsiteX4" fmla="*/ 1215736 w 1454727"/>
                <a:gd name="connsiteY4" fmla="*/ 0 h 126769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454727" h="1267690">
                  <a:moveTo>
                    <a:pt x="1215736" y="0"/>
                  </a:moveTo>
                  <a:lnTo>
                    <a:pt x="1454727" y="353290"/>
                  </a:lnTo>
                  <a:lnTo>
                    <a:pt x="0" y="1267690"/>
                  </a:lnTo>
                  <a:lnTo>
                    <a:pt x="436418" y="602672"/>
                  </a:lnTo>
                  <a:lnTo>
                    <a:pt x="1215736" y="0"/>
                  </a:lnTo>
                  <a:close/>
                </a:path>
              </a:pathLst>
            </a:custGeom>
            <a:solidFill>
              <a:srgbClr val="0070C0"/>
            </a:solidFill>
            <a:ln w="1905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3851920" y="2988336"/>
              <a:ext cx="1439818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600" dirty="0" smtClean="0">
                  <a:solidFill>
                    <a:schemeClr val="bg1">
                      <a:lumMod val="50000"/>
                    </a:schemeClr>
                  </a:solidFill>
                  <a:latin typeface="Arabic Typesetting" panose="03020402040406030203" pitchFamily="66" charset="-78"/>
                  <a:ea typeface="MS UI Gothic" panose="020B0600070205080204" pitchFamily="34" charset="-128"/>
                  <a:cs typeface="Arabic Typesetting" panose="03020402040406030203" pitchFamily="66" charset="-78"/>
                </a:rPr>
                <a:t>Software Architecture</a:t>
              </a:r>
            </a:p>
          </p:txBody>
        </p:sp>
        <p:sp>
          <p:nvSpPr>
            <p:cNvPr id="39" name="Freeform 38"/>
            <p:cNvSpPr/>
            <p:nvPr/>
          </p:nvSpPr>
          <p:spPr>
            <a:xfrm rot="21104642">
              <a:off x="4380910" y="2320973"/>
              <a:ext cx="307176" cy="229913"/>
            </a:xfrm>
            <a:custGeom>
              <a:avLst/>
              <a:gdLst>
                <a:gd name="connsiteX0" fmla="*/ 0 w 1330036"/>
                <a:gd name="connsiteY0" fmla="*/ 841664 h 1215737"/>
                <a:gd name="connsiteX1" fmla="*/ 93518 w 1330036"/>
                <a:gd name="connsiteY1" fmla="*/ 1194955 h 1215737"/>
                <a:gd name="connsiteX2" fmla="*/ 384463 w 1330036"/>
                <a:gd name="connsiteY2" fmla="*/ 1215737 h 1215737"/>
                <a:gd name="connsiteX3" fmla="*/ 1246909 w 1330036"/>
                <a:gd name="connsiteY3" fmla="*/ 716973 h 1215737"/>
                <a:gd name="connsiteX4" fmla="*/ 1330036 w 1330036"/>
                <a:gd name="connsiteY4" fmla="*/ 0 h 1215737"/>
                <a:gd name="connsiteX0" fmla="*/ 97832 w 1236517"/>
                <a:gd name="connsiteY0" fmla="*/ 458961 h 1215737"/>
                <a:gd name="connsiteX1" fmla="*/ -1 w 1236517"/>
                <a:gd name="connsiteY1" fmla="*/ 1194955 h 1215737"/>
                <a:gd name="connsiteX2" fmla="*/ 290944 w 1236517"/>
                <a:gd name="connsiteY2" fmla="*/ 1215737 h 1215737"/>
                <a:gd name="connsiteX3" fmla="*/ 1153390 w 1236517"/>
                <a:gd name="connsiteY3" fmla="*/ 716973 h 1215737"/>
                <a:gd name="connsiteX4" fmla="*/ 1236517 w 1236517"/>
                <a:gd name="connsiteY4" fmla="*/ 0 h 1215737"/>
                <a:gd name="connsiteX0" fmla="*/ 100852 w 1239537"/>
                <a:gd name="connsiteY0" fmla="*/ 458961 h 1215737"/>
                <a:gd name="connsiteX1" fmla="*/ 0 w 1239537"/>
                <a:gd name="connsiteY1" fmla="*/ 809619 h 1215737"/>
                <a:gd name="connsiteX2" fmla="*/ 3019 w 1239537"/>
                <a:gd name="connsiteY2" fmla="*/ 1194955 h 1215737"/>
                <a:gd name="connsiteX3" fmla="*/ 293964 w 1239537"/>
                <a:gd name="connsiteY3" fmla="*/ 1215737 h 1215737"/>
                <a:gd name="connsiteX4" fmla="*/ 1156410 w 1239537"/>
                <a:gd name="connsiteY4" fmla="*/ 716973 h 1215737"/>
                <a:gd name="connsiteX5" fmla="*/ 1239537 w 1239537"/>
                <a:gd name="connsiteY5" fmla="*/ 0 h 1215737"/>
                <a:gd name="connsiteX0" fmla="*/ 249682 w 1388367"/>
                <a:gd name="connsiteY0" fmla="*/ 458961 h 1215737"/>
                <a:gd name="connsiteX1" fmla="*/ 0 w 1388367"/>
                <a:gd name="connsiteY1" fmla="*/ 830880 h 1215737"/>
                <a:gd name="connsiteX2" fmla="*/ 151849 w 1388367"/>
                <a:gd name="connsiteY2" fmla="*/ 1194955 h 1215737"/>
                <a:gd name="connsiteX3" fmla="*/ 442794 w 1388367"/>
                <a:gd name="connsiteY3" fmla="*/ 1215737 h 1215737"/>
                <a:gd name="connsiteX4" fmla="*/ 1305240 w 1388367"/>
                <a:gd name="connsiteY4" fmla="*/ 716973 h 1215737"/>
                <a:gd name="connsiteX5" fmla="*/ 1388367 w 1388367"/>
                <a:gd name="connsiteY5" fmla="*/ 0 h 1215737"/>
                <a:gd name="connsiteX0" fmla="*/ 122113 w 1260798"/>
                <a:gd name="connsiteY0" fmla="*/ 458961 h 1215737"/>
                <a:gd name="connsiteX1" fmla="*/ 0 w 1260798"/>
                <a:gd name="connsiteY1" fmla="*/ 830880 h 1215737"/>
                <a:gd name="connsiteX2" fmla="*/ 24280 w 1260798"/>
                <a:gd name="connsiteY2" fmla="*/ 1194955 h 1215737"/>
                <a:gd name="connsiteX3" fmla="*/ 315225 w 1260798"/>
                <a:gd name="connsiteY3" fmla="*/ 1215737 h 1215737"/>
                <a:gd name="connsiteX4" fmla="*/ 1177671 w 1260798"/>
                <a:gd name="connsiteY4" fmla="*/ 716973 h 1215737"/>
                <a:gd name="connsiteX5" fmla="*/ 1260798 w 1260798"/>
                <a:gd name="connsiteY5" fmla="*/ 0 h 1215737"/>
                <a:gd name="connsiteX0" fmla="*/ 122113 w 1260798"/>
                <a:gd name="connsiteY0" fmla="*/ 458961 h 1302932"/>
                <a:gd name="connsiteX1" fmla="*/ 0 w 1260798"/>
                <a:gd name="connsiteY1" fmla="*/ 830880 h 1302932"/>
                <a:gd name="connsiteX2" fmla="*/ 24280 w 1260798"/>
                <a:gd name="connsiteY2" fmla="*/ 1194955 h 1302932"/>
                <a:gd name="connsiteX3" fmla="*/ 336485 w 1260798"/>
                <a:gd name="connsiteY3" fmla="*/ 1302932 h 1302932"/>
                <a:gd name="connsiteX4" fmla="*/ 1177671 w 1260798"/>
                <a:gd name="connsiteY4" fmla="*/ 716973 h 1302932"/>
                <a:gd name="connsiteX5" fmla="*/ 1260798 w 1260798"/>
                <a:gd name="connsiteY5" fmla="*/ 0 h 1302932"/>
                <a:gd name="connsiteX0" fmla="*/ 161634 w 1300319"/>
                <a:gd name="connsiteY0" fmla="*/ 458961 h 1347547"/>
                <a:gd name="connsiteX1" fmla="*/ 39521 w 1300319"/>
                <a:gd name="connsiteY1" fmla="*/ 830880 h 1347547"/>
                <a:gd name="connsiteX2" fmla="*/ 16 w 1300319"/>
                <a:gd name="connsiteY2" fmla="*/ 1347547 h 1347547"/>
                <a:gd name="connsiteX3" fmla="*/ 376006 w 1300319"/>
                <a:gd name="connsiteY3" fmla="*/ 1302932 h 1347547"/>
                <a:gd name="connsiteX4" fmla="*/ 1217192 w 1300319"/>
                <a:gd name="connsiteY4" fmla="*/ 716973 h 1347547"/>
                <a:gd name="connsiteX5" fmla="*/ 1300319 w 1300319"/>
                <a:gd name="connsiteY5" fmla="*/ 0 h 1347547"/>
                <a:gd name="connsiteX0" fmla="*/ 161634 w 1300319"/>
                <a:gd name="connsiteY0" fmla="*/ 458961 h 1392009"/>
                <a:gd name="connsiteX1" fmla="*/ 39521 w 1300319"/>
                <a:gd name="connsiteY1" fmla="*/ 830880 h 1392009"/>
                <a:gd name="connsiteX2" fmla="*/ 16 w 1300319"/>
                <a:gd name="connsiteY2" fmla="*/ 1347547 h 1392009"/>
                <a:gd name="connsiteX3" fmla="*/ 376006 w 1300319"/>
                <a:gd name="connsiteY3" fmla="*/ 1302932 h 1392009"/>
                <a:gd name="connsiteX4" fmla="*/ 1217192 w 1300319"/>
                <a:gd name="connsiteY4" fmla="*/ 716973 h 1392009"/>
                <a:gd name="connsiteX5" fmla="*/ 1300319 w 130031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47547"/>
                <a:gd name="connsiteX1" fmla="*/ 39511 w 1300309"/>
                <a:gd name="connsiteY1" fmla="*/ 830880 h 1347547"/>
                <a:gd name="connsiteX2" fmla="*/ 6 w 1300309"/>
                <a:gd name="connsiteY2" fmla="*/ 1347547 h 1347547"/>
                <a:gd name="connsiteX3" fmla="*/ 1217182 w 1300309"/>
                <a:gd name="connsiteY3" fmla="*/ 716973 h 1347547"/>
                <a:gd name="connsiteX4" fmla="*/ 1300309 w 1300309"/>
                <a:gd name="connsiteY4" fmla="*/ 0 h 1347547"/>
                <a:gd name="connsiteX0" fmla="*/ 289193 w 1217180"/>
                <a:gd name="connsiteY0" fmla="*/ 1 h 888588"/>
                <a:gd name="connsiteX1" fmla="*/ 39511 w 1217180"/>
                <a:gd name="connsiteY1" fmla="*/ 371921 h 888588"/>
                <a:gd name="connsiteX2" fmla="*/ 6 w 1217180"/>
                <a:gd name="connsiteY2" fmla="*/ 888588 h 888588"/>
                <a:gd name="connsiteX3" fmla="*/ 1217182 w 1217180"/>
                <a:gd name="connsiteY3" fmla="*/ 258014 h 88858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217180" h="888588">
                  <a:moveTo>
                    <a:pt x="289193" y="1"/>
                  </a:moveTo>
                  <a:cubicBezTo>
                    <a:pt x="248489" y="123974"/>
                    <a:pt x="207781" y="247947"/>
                    <a:pt x="39511" y="371921"/>
                  </a:cubicBezTo>
                  <a:cubicBezTo>
                    <a:pt x="168084" y="522164"/>
                    <a:pt x="-1000" y="760143"/>
                    <a:pt x="6" y="888588"/>
                  </a:cubicBezTo>
                  <a:cubicBezTo>
                    <a:pt x="196285" y="869603"/>
                    <a:pt x="1000465" y="482605"/>
                    <a:pt x="1217182" y="258014"/>
                  </a:cubicBezTo>
                </a:path>
              </a:pathLst>
            </a:custGeom>
            <a:solidFill>
              <a:schemeClr val="accent6">
                <a:lumMod val="75000"/>
              </a:schemeClr>
            </a:solidFill>
            <a:ln w="19050"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40" name="Freeform 39"/>
            <p:cNvSpPr/>
            <p:nvPr/>
          </p:nvSpPr>
          <p:spPr>
            <a:xfrm rot="159582">
              <a:off x="4105746" y="2027532"/>
              <a:ext cx="818164" cy="369371"/>
            </a:xfrm>
            <a:custGeom>
              <a:avLst/>
              <a:gdLst>
                <a:gd name="connsiteX0" fmla="*/ 1257300 w 3241964"/>
                <a:gd name="connsiteY0" fmla="*/ 872836 h 1392382"/>
                <a:gd name="connsiteX1" fmla="*/ 1672936 w 3241964"/>
                <a:gd name="connsiteY1" fmla="*/ 0 h 1392382"/>
                <a:gd name="connsiteX2" fmla="*/ 2337955 w 3241964"/>
                <a:gd name="connsiteY2" fmla="*/ 62345 h 1392382"/>
                <a:gd name="connsiteX3" fmla="*/ 2639291 w 3241964"/>
                <a:gd name="connsiteY3" fmla="*/ 1143000 h 1392382"/>
                <a:gd name="connsiteX4" fmla="*/ 644236 w 3241964"/>
                <a:gd name="connsiteY4" fmla="*/ 748145 h 1392382"/>
                <a:gd name="connsiteX5" fmla="*/ 0 w 3241964"/>
                <a:gd name="connsiteY5" fmla="*/ 997527 h 1392382"/>
                <a:gd name="connsiteX6" fmla="*/ 3241964 w 3241964"/>
                <a:gd name="connsiteY6" fmla="*/ 1392382 h 1392382"/>
                <a:gd name="connsiteX7" fmla="*/ 2639291 w 3241964"/>
                <a:gd name="connsiteY7" fmla="*/ 1132609 h 139238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241964" h="1392382">
                  <a:moveTo>
                    <a:pt x="1257300" y="872836"/>
                  </a:moveTo>
                  <a:lnTo>
                    <a:pt x="1672936" y="0"/>
                  </a:lnTo>
                  <a:lnTo>
                    <a:pt x="2337955" y="62345"/>
                  </a:lnTo>
                  <a:lnTo>
                    <a:pt x="2639291" y="1143000"/>
                  </a:lnTo>
                  <a:lnTo>
                    <a:pt x="644236" y="748145"/>
                  </a:lnTo>
                  <a:lnTo>
                    <a:pt x="0" y="997527"/>
                  </a:lnTo>
                  <a:lnTo>
                    <a:pt x="3241964" y="1392382"/>
                  </a:lnTo>
                  <a:lnTo>
                    <a:pt x="2639291" y="1132609"/>
                  </a:lnTo>
                </a:path>
              </a:pathLst>
            </a:custGeom>
            <a:solidFill>
              <a:srgbClr val="FFC000"/>
            </a:solidFill>
            <a:ln w="1905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</p:grpSp>
      <p:cxnSp>
        <p:nvCxnSpPr>
          <p:cNvPr id="45" name="Straight Arrow Connector 44"/>
          <p:cNvCxnSpPr/>
          <p:nvPr/>
        </p:nvCxnSpPr>
        <p:spPr>
          <a:xfrm>
            <a:off x="6195710" y="2700351"/>
            <a:ext cx="576064" cy="0"/>
          </a:xfrm>
          <a:prstGeom prst="straightConnector1">
            <a:avLst/>
          </a:prstGeom>
          <a:ln w="12700">
            <a:solidFill>
              <a:schemeClr val="bg1">
                <a:lumMod val="8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Arrow Connector 46"/>
          <p:cNvCxnSpPr/>
          <p:nvPr/>
        </p:nvCxnSpPr>
        <p:spPr>
          <a:xfrm flipV="1">
            <a:off x="5827389" y="1865660"/>
            <a:ext cx="0" cy="342674"/>
          </a:xfrm>
          <a:prstGeom prst="straightConnector1">
            <a:avLst/>
          </a:prstGeom>
          <a:ln w="12700">
            <a:solidFill>
              <a:schemeClr val="bg1">
                <a:lumMod val="85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54" name="Group 53"/>
          <p:cNvGrpSpPr/>
          <p:nvPr/>
        </p:nvGrpSpPr>
        <p:grpSpPr>
          <a:xfrm>
            <a:off x="3435361" y="2192830"/>
            <a:ext cx="1213793" cy="1387032"/>
            <a:chOff x="3435361" y="2192830"/>
            <a:chExt cx="1213793" cy="1387032"/>
          </a:xfrm>
        </p:grpSpPr>
        <p:grpSp>
          <p:nvGrpSpPr>
            <p:cNvPr id="13" name="Group 12"/>
            <p:cNvGrpSpPr/>
            <p:nvPr/>
          </p:nvGrpSpPr>
          <p:grpSpPr>
            <a:xfrm>
              <a:off x="3435361" y="2192830"/>
              <a:ext cx="1213793" cy="1132303"/>
              <a:chOff x="2411760" y="1995686"/>
              <a:chExt cx="2202873" cy="1672936"/>
            </a:xfrm>
          </p:grpSpPr>
          <p:sp>
            <p:nvSpPr>
              <p:cNvPr id="3" name="Freeform 2"/>
              <p:cNvSpPr/>
              <p:nvPr/>
            </p:nvSpPr>
            <p:spPr>
              <a:xfrm>
                <a:off x="2411760" y="1995686"/>
                <a:ext cx="2202873" cy="1672936"/>
              </a:xfrm>
              <a:custGeom>
                <a:avLst/>
                <a:gdLst>
                  <a:gd name="connsiteX0" fmla="*/ 0 w 2202873"/>
                  <a:gd name="connsiteY0" fmla="*/ 0 h 1672936"/>
                  <a:gd name="connsiteX1" fmla="*/ 2202873 w 2202873"/>
                  <a:gd name="connsiteY1" fmla="*/ 270164 h 1672936"/>
                  <a:gd name="connsiteX2" fmla="*/ 2171700 w 2202873"/>
                  <a:gd name="connsiteY2" fmla="*/ 1672936 h 1672936"/>
                  <a:gd name="connsiteX3" fmla="*/ 10391 w 2202873"/>
                  <a:gd name="connsiteY3" fmla="*/ 1350818 h 1672936"/>
                  <a:gd name="connsiteX4" fmla="*/ 0 w 2202873"/>
                  <a:gd name="connsiteY4" fmla="*/ 0 h 1672936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02873" h="1672936">
                    <a:moveTo>
                      <a:pt x="0" y="0"/>
                    </a:moveTo>
                    <a:lnTo>
                      <a:pt x="2202873" y="270164"/>
                    </a:lnTo>
                    <a:lnTo>
                      <a:pt x="2171700" y="1672936"/>
                    </a:lnTo>
                    <a:lnTo>
                      <a:pt x="10391" y="1350818"/>
                    </a:lnTo>
                    <a:cubicBezTo>
                      <a:pt x="6927" y="900545"/>
                      <a:pt x="3464" y="450273"/>
                      <a:pt x="0" y="0"/>
                    </a:cubicBezTo>
                    <a:close/>
                  </a:path>
                </a:pathLst>
              </a:custGeom>
              <a:noFill/>
              <a:ln w="12700">
                <a:solidFill>
                  <a:schemeClr val="accent6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pic>
            <p:nvPicPr>
              <p:cNvPr id="4" name="Picture 4" descr="\\s81dsp01data01\ACIS-Udrive\Users\i85505\Profile_data\Desktop\Microsoft_PowerPoint_2013_logo_svg.png"/>
              <p:cNvPicPr>
                <a:picLocks noChangeAspect="1" noChangeArrowheads="1"/>
              </p:cNvPicPr>
              <p:nvPr/>
            </p:nvPicPr>
            <p:blipFill>
              <a:blip r:embed="rId2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3297846" y="2620664"/>
                <a:ext cx="430700" cy="422979"/>
              </a:xfrm>
              <a:prstGeom prst="rect">
                <a:avLst/>
              </a:prstGeom>
              <a:noFill/>
              <a:ln w="12700"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sp>
          <p:nvSpPr>
            <p:cNvPr id="48" name="TextBox 47"/>
            <p:cNvSpPr txBox="1"/>
            <p:nvPr/>
          </p:nvSpPr>
          <p:spPr>
            <a:xfrm>
              <a:off x="3579377" y="3318252"/>
              <a:ext cx="984565" cy="2616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100" dirty="0" smtClean="0">
                  <a:solidFill>
                    <a:schemeClr val="accent6">
                      <a:lumMod val="75000"/>
                    </a:schemeClr>
                  </a:solidFill>
                  <a:latin typeface="Calibri Light" panose="020F0302020204030204" pitchFamily="34" charset="0"/>
                  <a:ea typeface="MS UI Gothic" panose="020B0600070205080204" pitchFamily="34" charset="-128"/>
                  <a:cs typeface="Arabic Typesetting" panose="03020402040406030203" pitchFamily="66" charset="-78"/>
                </a:rPr>
                <a:t>User Interface</a:t>
              </a:r>
              <a:endParaRPr lang="en-GB" sz="1100" dirty="0">
                <a:solidFill>
                  <a:schemeClr val="accent6">
                    <a:lumMod val="75000"/>
                  </a:schemeClr>
                </a:solidFill>
                <a:latin typeface="Calibri Light" panose="020F0302020204030204" pitchFamily="34" charset="0"/>
              </a:endParaRPr>
            </a:p>
          </p:txBody>
        </p:sp>
      </p:grpSp>
      <p:grpSp>
        <p:nvGrpSpPr>
          <p:cNvPr id="55" name="Group 54"/>
          <p:cNvGrpSpPr/>
          <p:nvPr/>
        </p:nvGrpSpPr>
        <p:grpSpPr>
          <a:xfrm>
            <a:off x="5514479" y="2305543"/>
            <a:ext cx="785713" cy="948625"/>
            <a:chOff x="5514479" y="2305543"/>
            <a:chExt cx="785713" cy="948625"/>
          </a:xfrm>
        </p:grpSpPr>
        <p:grpSp>
          <p:nvGrpSpPr>
            <p:cNvPr id="15" name="Group 14"/>
            <p:cNvGrpSpPr/>
            <p:nvPr/>
          </p:nvGrpSpPr>
          <p:grpSpPr>
            <a:xfrm>
              <a:off x="5514479" y="2305543"/>
              <a:ext cx="625821" cy="677973"/>
              <a:chOff x="7164288" y="2211710"/>
              <a:chExt cx="864096" cy="936104"/>
            </a:xfrm>
          </p:grpSpPr>
          <p:sp>
            <p:nvSpPr>
              <p:cNvPr id="5" name="Can 4"/>
              <p:cNvSpPr/>
              <p:nvPr/>
            </p:nvSpPr>
            <p:spPr>
              <a:xfrm>
                <a:off x="7164288" y="2211710"/>
                <a:ext cx="864096" cy="936104"/>
              </a:xfrm>
              <a:prstGeom prst="can">
                <a:avLst/>
              </a:prstGeom>
              <a:noFill/>
              <a:ln w="12700">
                <a:solidFill>
                  <a:srgbClr val="00B05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pic>
            <p:nvPicPr>
              <p:cNvPr id="6" name="Picture 3" descr="\\s81dsp01data01\ACIS-Udrive\Users\i85505\Profile_data\Desktop\Microsoft_Excel_2013_logo_svg.png"/>
              <p:cNvPicPr>
                <a:picLocks noChangeAspect="1" noChangeArrowheads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406669" y="2561666"/>
                <a:ext cx="379333" cy="372534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sp>
          <p:nvSpPr>
            <p:cNvPr id="49" name="TextBox 48"/>
            <p:cNvSpPr txBox="1"/>
            <p:nvPr/>
          </p:nvSpPr>
          <p:spPr>
            <a:xfrm>
              <a:off x="5519209" y="2992558"/>
              <a:ext cx="780983" cy="2616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100" dirty="0" smtClean="0">
                  <a:solidFill>
                    <a:srgbClr val="00B050"/>
                  </a:solidFill>
                  <a:latin typeface="Calibri Light" panose="020F0302020204030204" pitchFamily="34" charset="0"/>
                  <a:ea typeface="MS UI Gothic" panose="020B0600070205080204" pitchFamily="34" charset="-128"/>
                  <a:cs typeface="Arabic Typesetting" panose="03020402040406030203" pitchFamily="66" charset="-78"/>
                </a:rPr>
                <a:t>Data Store</a:t>
              </a:r>
              <a:endParaRPr lang="en-GB" sz="1100" dirty="0">
                <a:solidFill>
                  <a:srgbClr val="00B050"/>
                </a:solidFill>
                <a:latin typeface="Calibri Light" panose="020F0302020204030204" pitchFamily="34" charset="0"/>
              </a:endParaRPr>
            </a:p>
          </p:txBody>
        </p:sp>
      </p:grpSp>
      <p:grpSp>
        <p:nvGrpSpPr>
          <p:cNvPr id="56" name="Group 55"/>
          <p:cNvGrpSpPr/>
          <p:nvPr/>
        </p:nvGrpSpPr>
        <p:grpSpPr>
          <a:xfrm>
            <a:off x="5348598" y="881775"/>
            <a:ext cx="1056033" cy="906941"/>
            <a:chOff x="5348598" y="881775"/>
            <a:chExt cx="1056033" cy="906941"/>
          </a:xfrm>
        </p:grpSpPr>
        <p:grpSp>
          <p:nvGrpSpPr>
            <p:cNvPr id="43" name="Group 42"/>
            <p:cNvGrpSpPr/>
            <p:nvPr/>
          </p:nvGrpSpPr>
          <p:grpSpPr>
            <a:xfrm>
              <a:off x="5348598" y="881775"/>
              <a:ext cx="1039091" cy="645331"/>
              <a:chOff x="4829053" y="1090919"/>
              <a:chExt cx="1039091" cy="645331"/>
            </a:xfrm>
          </p:grpSpPr>
          <p:grpSp>
            <p:nvGrpSpPr>
              <p:cNvPr id="14" name="Group 13"/>
              <p:cNvGrpSpPr/>
              <p:nvPr/>
            </p:nvGrpSpPr>
            <p:grpSpPr>
              <a:xfrm>
                <a:off x="4984681" y="1090919"/>
                <a:ext cx="667439" cy="624768"/>
                <a:chOff x="5436096" y="1491630"/>
                <a:chExt cx="864096" cy="808853"/>
              </a:xfrm>
            </p:grpSpPr>
            <p:sp>
              <p:nvSpPr>
                <p:cNvPr id="7" name="Trapezoid 6"/>
                <p:cNvSpPr/>
                <p:nvPr/>
              </p:nvSpPr>
              <p:spPr>
                <a:xfrm>
                  <a:off x="5436096" y="1491630"/>
                  <a:ext cx="864096" cy="462140"/>
                </a:xfrm>
                <a:prstGeom prst="trapezoid">
                  <a:avLst/>
                </a:prstGeom>
                <a:noFill/>
                <a:ln w="12700">
                  <a:solidFill>
                    <a:srgbClr val="0070C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GB"/>
                </a:p>
              </p:txBody>
            </p:sp>
            <p:cxnSp>
              <p:nvCxnSpPr>
                <p:cNvPr id="10" name="Straight Connector 9"/>
                <p:cNvCxnSpPr/>
                <p:nvPr/>
              </p:nvCxnSpPr>
              <p:spPr>
                <a:xfrm>
                  <a:off x="5652120" y="1671650"/>
                  <a:ext cx="432048" cy="0"/>
                </a:xfrm>
                <a:prstGeom prst="line">
                  <a:avLst/>
                </a:prstGeom>
                <a:ln w="12700">
                  <a:solidFill>
                    <a:srgbClr val="0070C0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11" name="Straight Connector 10"/>
                <p:cNvCxnSpPr/>
                <p:nvPr/>
              </p:nvCxnSpPr>
              <p:spPr>
                <a:xfrm>
                  <a:off x="5649400" y="1779662"/>
                  <a:ext cx="432048" cy="0"/>
                </a:xfrm>
                <a:prstGeom prst="line">
                  <a:avLst/>
                </a:prstGeom>
                <a:ln w="12700">
                  <a:solidFill>
                    <a:srgbClr val="0070C0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pic>
              <p:nvPicPr>
                <p:cNvPr id="12" name="Picture 2" descr="\\s81dsp01data01\ACIS-Udrive\Users\i85505\Profile_data\Desktop\Microsoft_Word_2013_logo_svg.png"/>
                <p:cNvPicPr>
                  <a:picLocks noChangeAspect="1" noChangeArrowheads="1"/>
                </p:cNvPicPr>
                <p:nvPr/>
              </p:nvPicPr>
              <p:blipFill>
                <a:blip r:embed="rId4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5794450" y="2022168"/>
                  <a:ext cx="283478" cy="278315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</p:grpSp>
          <p:sp>
            <p:nvSpPr>
              <p:cNvPr id="32" name="Freeform 31"/>
              <p:cNvSpPr/>
              <p:nvPr/>
            </p:nvSpPr>
            <p:spPr>
              <a:xfrm>
                <a:off x="4829053" y="1447882"/>
                <a:ext cx="1039091" cy="288368"/>
              </a:xfrm>
              <a:custGeom>
                <a:avLst/>
                <a:gdLst>
                  <a:gd name="connsiteX0" fmla="*/ 10391 w 1039091"/>
                  <a:gd name="connsiteY0" fmla="*/ 0 h 259772"/>
                  <a:gd name="connsiteX1" fmla="*/ 1039091 w 1039091"/>
                  <a:gd name="connsiteY1" fmla="*/ 0 h 259772"/>
                  <a:gd name="connsiteX2" fmla="*/ 1039091 w 1039091"/>
                  <a:gd name="connsiteY2" fmla="*/ 259772 h 259772"/>
                  <a:gd name="connsiteX3" fmla="*/ 0 w 1039091"/>
                  <a:gd name="connsiteY3" fmla="*/ 259772 h 259772"/>
                  <a:gd name="connsiteX4" fmla="*/ 10391 w 1039091"/>
                  <a:gd name="connsiteY4" fmla="*/ 0 h 25977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1039091" h="259772">
                    <a:moveTo>
                      <a:pt x="10391" y="0"/>
                    </a:moveTo>
                    <a:lnTo>
                      <a:pt x="1039091" y="0"/>
                    </a:lnTo>
                    <a:lnTo>
                      <a:pt x="1039091" y="259772"/>
                    </a:lnTo>
                    <a:lnTo>
                      <a:pt x="0" y="259772"/>
                    </a:lnTo>
                    <a:lnTo>
                      <a:pt x="10391" y="0"/>
                    </a:lnTo>
                    <a:close/>
                  </a:path>
                </a:pathLst>
              </a:custGeom>
              <a:noFill/>
              <a:ln w="12700">
                <a:solidFill>
                  <a:srgbClr val="0070C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</p:grpSp>
        <p:sp>
          <p:nvSpPr>
            <p:cNvPr id="50" name="TextBox 49"/>
            <p:cNvSpPr txBox="1"/>
            <p:nvPr/>
          </p:nvSpPr>
          <p:spPr>
            <a:xfrm>
              <a:off x="5436096" y="1527106"/>
              <a:ext cx="968535" cy="2616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100" dirty="0" smtClean="0">
                  <a:solidFill>
                    <a:srgbClr val="0070C0"/>
                  </a:solidFill>
                  <a:latin typeface="Calibri Light" panose="020F0302020204030204" pitchFamily="34" charset="0"/>
                  <a:ea typeface="MS UI Gothic" panose="020B0600070205080204" pitchFamily="34" charset="-128"/>
                  <a:cs typeface="Arabic Typesetting" panose="03020402040406030203" pitchFamily="66" charset="-78"/>
                </a:rPr>
                <a:t>Expert Report</a:t>
              </a:r>
              <a:endParaRPr lang="en-GB" sz="1100" dirty="0">
                <a:solidFill>
                  <a:srgbClr val="0070C0"/>
                </a:solidFill>
                <a:latin typeface="Calibri Light" panose="020F0302020204030204" pitchFamily="34" charset="0"/>
              </a:endParaRPr>
            </a:p>
          </p:txBody>
        </p:sp>
      </p:grpSp>
      <p:grpSp>
        <p:nvGrpSpPr>
          <p:cNvPr id="57" name="Group 56"/>
          <p:cNvGrpSpPr/>
          <p:nvPr/>
        </p:nvGrpSpPr>
        <p:grpSpPr>
          <a:xfrm>
            <a:off x="6583980" y="2250663"/>
            <a:ext cx="1321196" cy="1281381"/>
            <a:chOff x="6583980" y="2250663"/>
            <a:chExt cx="1321196" cy="1281381"/>
          </a:xfrm>
        </p:grpSpPr>
        <p:grpSp>
          <p:nvGrpSpPr>
            <p:cNvPr id="20" name="Group 19"/>
            <p:cNvGrpSpPr/>
            <p:nvPr/>
          </p:nvGrpSpPr>
          <p:grpSpPr>
            <a:xfrm>
              <a:off x="6878403" y="2250663"/>
              <a:ext cx="473773" cy="1018469"/>
              <a:chOff x="6808785" y="2336517"/>
              <a:chExt cx="859559" cy="1847792"/>
            </a:xfrm>
          </p:grpSpPr>
          <p:grpSp>
            <p:nvGrpSpPr>
              <p:cNvPr id="18" name="Group 17"/>
              <p:cNvGrpSpPr/>
              <p:nvPr/>
            </p:nvGrpSpPr>
            <p:grpSpPr>
              <a:xfrm>
                <a:off x="6808785" y="2336517"/>
                <a:ext cx="859559" cy="1847792"/>
                <a:chOff x="7236296" y="1487259"/>
                <a:chExt cx="792088" cy="1702750"/>
              </a:xfrm>
            </p:grpSpPr>
            <p:sp>
              <p:nvSpPr>
                <p:cNvPr id="17" name="Freeform 16"/>
                <p:cNvSpPr/>
                <p:nvPr/>
              </p:nvSpPr>
              <p:spPr>
                <a:xfrm>
                  <a:off x="7512627" y="2265218"/>
                  <a:ext cx="311728" cy="924791"/>
                </a:xfrm>
                <a:custGeom>
                  <a:avLst/>
                  <a:gdLst>
                    <a:gd name="connsiteX0" fmla="*/ 0 w 311728"/>
                    <a:gd name="connsiteY0" fmla="*/ 0 h 924791"/>
                    <a:gd name="connsiteX1" fmla="*/ 20782 w 311728"/>
                    <a:gd name="connsiteY1" fmla="*/ 924791 h 924791"/>
                    <a:gd name="connsiteX2" fmla="*/ 311728 w 311728"/>
                    <a:gd name="connsiteY2" fmla="*/ 623455 h 924791"/>
                    <a:gd name="connsiteX3" fmla="*/ 124691 w 311728"/>
                    <a:gd name="connsiteY3" fmla="*/ 623455 h 924791"/>
                    <a:gd name="connsiteX4" fmla="*/ 114300 w 311728"/>
                    <a:gd name="connsiteY4" fmla="*/ 509155 h 924791"/>
                    <a:gd name="connsiteX5" fmla="*/ 228600 w 311728"/>
                    <a:gd name="connsiteY5" fmla="*/ 519546 h 924791"/>
                    <a:gd name="connsiteX6" fmla="*/ 218209 w 311728"/>
                    <a:gd name="connsiteY6" fmla="*/ 436418 h 924791"/>
                    <a:gd name="connsiteX7" fmla="*/ 103909 w 311728"/>
                    <a:gd name="connsiteY7" fmla="*/ 446809 h 924791"/>
                    <a:gd name="connsiteX8" fmla="*/ 103909 w 311728"/>
                    <a:gd name="connsiteY8" fmla="*/ 394855 h 924791"/>
                    <a:gd name="connsiteX9" fmla="*/ 218209 w 311728"/>
                    <a:gd name="connsiteY9" fmla="*/ 374073 h 924791"/>
                    <a:gd name="connsiteX10" fmla="*/ 218209 w 311728"/>
                    <a:gd name="connsiteY10" fmla="*/ 280555 h 924791"/>
                    <a:gd name="connsiteX11" fmla="*/ 103909 w 311728"/>
                    <a:gd name="connsiteY11" fmla="*/ 259773 h 924791"/>
                    <a:gd name="connsiteX12" fmla="*/ 207818 w 311728"/>
                    <a:gd name="connsiteY12" fmla="*/ 10391 h 924791"/>
                    <a:gd name="connsiteX13" fmla="*/ 0 w 311728"/>
                    <a:gd name="connsiteY13" fmla="*/ 0 h 924791"/>
                  </a:gdLst>
                  <a:ahLst/>
                  <a:cxnLst>
                    <a:cxn ang="0">
                      <a:pos x="connsiteX0" y="connsiteY0"/>
                    </a:cxn>
                    <a:cxn ang="0">
                      <a:pos x="connsiteX1" y="connsiteY1"/>
                    </a:cxn>
                    <a:cxn ang="0">
                      <a:pos x="connsiteX2" y="connsiteY2"/>
                    </a:cxn>
                    <a:cxn ang="0">
                      <a:pos x="connsiteX3" y="connsiteY3"/>
                    </a:cxn>
                    <a:cxn ang="0">
                      <a:pos x="connsiteX4" y="connsiteY4"/>
                    </a:cxn>
                    <a:cxn ang="0">
                      <a:pos x="connsiteX5" y="connsiteY5"/>
                    </a:cxn>
                    <a:cxn ang="0">
                      <a:pos x="connsiteX6" y="connsiteY6"/>
                    </a:cxn>
                    <a:cxn ang="0">
                      <a:pos x="connsiteX7" y="connsiteY7"/>
                    </a:cxn>
                    <a:cxn ang="0">
                      <a:pos x="connsiteX8" y="connsiteY8"/>
                    </a:cxn>
                    <a:cxn ang="0">
                      <a:pos x="connsiteX9" y="connsiteY9"/>
                    </a:cxn>
                    <a:cxn ang="0">
                      <a:pos x="connsiteX10" y="connsiteY10"/>
                    </a:cxn>
                    <a:cxn ang="0">
                      <a:pos x="connsiteX11" y="connsiteY11"/>
                    </a:cxn>
                    <a:cxn ang="0">
                      <a:pos x="connsiteX12" y="connsiteY12"/>
                    </a:cxn>
                    <a:cxn ang="0">
                      <a:pos x="connsiteX13" y="connsiteY13"/>
                    </a:cxn>
                  </a:cxnLst>
                  <a:rect l="l" t="t" r="r" b="b"/>
                  <a:pathLst>
                    <a:path w="311728" h="924791">
                      <a:moveTo>
                        <a:pt x="0" y="0"/>
                      </a:moveTo>
                      <a:lnTo>
                        <a:pt x="20782" y="924791"/>
                      </a:lnTo>
                      <a:lnTo>
                        <a:pt x="311728" y="623455"/>
                      </a:lnTo>
                      <a:lnTo>
                        <a:pt x="124691" y="623455"/>
                      </a:lnTo>
                      <a:lnTo>
                        <a:pt x="114300" y="509155"/>
                      </a:lnTo>
                      <a:lnTo>
                        <a:pt x="228600" y="519546"/>
                      </a:lnTo>
                      <a:lnTo>
                        <a:pt x="218209" y="436418"/>
                      </a:lnTo>
                      <a:lnTo>
                        <a:pt x="103909" y="446809"/>
                      </a:lnTo>
                      <a:lnTo>
                        <a:pt x="103909" y="394855"/>
                      </a:lnTo>
                      <a:lnTo>
                        <a:pt x="218209" y="374073"/>
                      </a:lnTo>
                      <a:lnTo>
                        <a:pt x="218209" y="280555"/>
                      </a:lnTo>
                      <a:lnTo>
                        <a:pt x="103909" y="259773"/>
                      </a:lnTo>
                      <a:lnTo>
                        <a:pt x="207818" y="10391"/>
                      </a:lnTo>
                      <a:lnTo>
                        <a:pt x="0" y="0"/>
                      </a:lnTo>
                      <a:close/>
                    </a:path>
                  </a:pathLst>
                </a:custGeom>
                <a:noFill/>
                <a:ln w="12700">
                  <a:solidFill>
                    <a:srgbClr val="FFC00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GB"/>
                </a:p>
              </p:txBody>
            </p:sp>
            <p:sp>
              <p:nvSpPr>
                <p:cNvPr id="16" name="&quot;No&quot; Symbol 15"/>
                <p:cNvSpPr/>
                <p:nvPr/>
              </p:nvSpPr>
              <p:spPr>
                <a:xfrm>
                  <a:off x="7236296" y="1487259"/>
                  <a:ext cx="792088" cy="849845"/>
                </a:xfrm>
                <a:prstGeom prst="noSmoking">
                  <a:avLst/>
                </a:prstGeom>
                <a:solidFill>
                  <a:schemeClr val="bg1"/>
                </a:solidFill>
                <a:ln w="12700">
                  <a:solidFill>
                    <a:srgbClr val="FFC00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GB">
                    <a:solidFill>
                      <a:schemeClr val="tx1"/>
                    </a:solidFill>
                  </a:endParaRPr>
                </a:p>
              </p:txBody>
            </p:sp>
          </p:grpSp>
          <p:pic>
            <p:nvPicPr>
              <p:cNvPr id="19" name="Picture 2" descr="\\s81dsp01data01\ACIS-Udrive\Users\i85505\Profile_data\Desktop\images.png"/>
              <p:cNvPicPr>
                <a:picLocks noChangeAspect="1" noChangeArrowheads="1"/>
              </p:cNvPicPr>
              <p:nvPr/>
            </p:nvPicPr>
            <p:blipFill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043905" y="2602729"/>
                <a:ext cx="389317" cy="389317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sp>
          <p:nvSpPr>
            <p:cNvPr id="52" name="TextBox 51"/>
            <p:cNvSpPr txBox="1"/>
            <p:nvPr/>
          </p:nvSpPr>
          <p:spPr>
            <a:xfrm>
              <a:off x="6583980" y="3270434"/>
              <a:ext cx="1321196" cy="2616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100" dirty="0" smtClean="0">
                  <a:solidFill>
                    <a:srgbClr val="FFC000"/>
                  </a:solidFill>
                  <a:latin typeface="Calibri Light" panose="020F0302020204030204" pitchFamily="34" charset="0"/>
                  <a:ea typeface="MS UI Gothic" panose="020B0600070205080204" pitchFamily="34" charset="-128"/>
                  <a:cs typeface="Arabic Typesetting" panose="03020402040406030203" pitchFamily="66" charset="-78"/>
                </a:rPr>
                <a:t>User Authentication</a:t>
              </a:r>
              <a:endParaRPr lang="en-GB" sz="1100" dirty="0">
                <a:solidFill>
                  <a:srgbClr val="FFC000"/>
                </a:solidFill>
                <a:latin typeface="Calibri Light" panose="020F0302020204030204" pitchFamily="34" charset="0"/>
              </a:endParaRPr>
            </a:p>
          </p:txBody>
        </p:sp>
      </p:grpSp>
      <p:sp>
        <p:nvSpPr>
          <p:cNvPr id="53" name="Rectangle 52"/>
          <p:cNvSpPr/>
          <p:nvPr/>
        </p:nvSpPr>
        <p:spPr>
          <a:xfrm>
            <a:off x="2195394" y="411510"/>
            <a:ext cx="6337046" cy="3744416"/>
          </a:xfrm>
          <a:prstGeom prst="rect">
            <a:avLst/>
          </a:prstGeom>
          <a:noFill/>
          <a:ln w="3175"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849185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500"/>
                            </p:stCondLst>
                            <p:childTnLst>
                              <p:par>
                                <p:cTn id="1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4" dur="2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3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4" name="Group 33"/>
          <p:cNvGrpSpPr/>
          <p:nvPr/>
        </p:nvGrpSpPr>
        <p:grpSpPr>
          <a:xfrm>
            <a:off x="395878" y="916530"/>
            <a:ext cx="1439818" cy="1299358"/>
            <a:chOff x="3851920" y="2027532"/>
            <a:chExt cx="1439818" cy="1299358"/>
          </a:xfrm>
        </p:grpSpPr>
        <p:sp>
          <p:nvSpPr>
            <p:cNvPr id="35" name="TextBox 34"/>
            <p:cNvSpPr txBox="1"/>
            <p:nvPr/>
          </p:nvSpPr>
          <p:spPr>
            <a:xfrm>
              <a:off x="4034316" y="2650162"/>
              <a:ext cx="1050288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/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rial Black" panose="020B0A04020102020204" pitchFamily="34" charset="0"/>
                </a:rPr>
                <a:t> </a:t>
              </a:r>
              <a:r>
                <a:rPr lang="en-GB" dirty="0" smtClean="0">
                  <a:solidFill>
                    <a:schemeClr val="accent6">
                      <a:lumMod val="75000"/>
                    </a:schemeClr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P</a:t>
              </a:r>
              <a:r>
                <a:rPr lang="en-GB" dirty="0" smtClean="0">
                  <a:solidFill>
                    <a:srgbClr val="FFC00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O</a:t>
              </a:r>
              <a:r>
                <a:rPr lang="en-GB" dirty="0" smtClean="0">
                  <a:solidFill>
                    <a:srgbClr val="0070C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W</a:t>
              </a:r>
              <a:r>
                <a:rPr lang="en-GB" dirty="0" smtClean="0">
                  <a:solidFill>
                    <a:srgbClr val="00B050"/>
                  </a:solidFill>
                  <a:latin typeface="Aharoni" panose="02010803020104030203" pitchFamily="2" charset="-79"/>
                  <a:cs typeface="Aharoni" panose="02010803020104030203" pitchFamily="2" charset="-79"/>
                </a:rPr>
                <a:t>X </a:t>
              </a:r>
            </a:p>
          </p:txBody>
        </p:sp>
        <p:sp>
          <p:nvSpPr>
            <p:cNvPr id="36" name="Freeform 35"/>
            <p:cNvSpPr/>
            <p:nvPr/>
          </p:nvSpPr>
          <p:spPr>
            <a:xfrm>
              <a:off x="4459503" y="2499746"/>
              <a:ext cx="294322" cy="138362"/>
            </a:xfrm>
            <a:custGeom>
              <a:avLst/>
              <a:gdLst>
                <a:gd name="connsiteX0" fmla="*/ 0 w 935182"/>
                <a:gd name="connsiteY0" fmla="*/ 280554 h 405245"/>
                <a:gd name="connsiteX1" fmla="*/ 935182 w 935182"/>
                <a:gd name="connsiteY1" fmla="*/ 405245 h 405245"/>
                <a:gd name="connsiteX2" fmla="*/ 529937 w 935182"/>
                <a:gd name="connsiteY2" fmla="*/ 0 h 405245"/>
                <a:gd name="connsiteX3" fmla="*/ 0 w 935182"/>
                <a:gd name="connsiteY3" fmla="*/ 280554 h 40524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935182" h="405245">
                  <a:moveTo>
                    <a:pt x="0" y="280554"/>
                  </a:moveTo>
                  <a:lnTo>
                    <a:pt x="935182" y="405245"/>
                  </a:lnTo>
                  <a:lnTo>
                    <a:pt x="529937" y="0"/>
                  </a:lnTo>
                  <a:lnTo>
                    <a:pt x="0" y="280554"/>
                  </a:lnTo>
                  <a:close/>
                </a:path>
              </a:pathLst>
            </a:custGeom>
            <a:solidFill>
              <a:srgbClr val="00B050"/>
            </a:solidFill>
            <a:ln w="19050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37" name="Freeform 36"/>
            <p:cNvSpPr/>
            <p:nvPr/>
          </p:nvSpPr>
          <p:spPr>
            <a:xfrm rot="21168153">
              <a:off x="4333234" y="2489925"/>
              <a:ext cx="348707" cy="204805"/>
            </a:xfrm>
            <a:custGeom>
              <a:avLst/>
              <a:gdLst>
                <a:gd name="connsiteX0" fmla="*/ 1215736 w 1454727"/>
                <a:gd name="connsiteY0" fmla="*/ 0 h 1267690"/>
                <a:gd name="connsiteX1" fmla="*/ 1454727 w 1454727"/>
                <a:gd name="connsiteY1" fmla="*/ 353290 h 1267690"/>
                <a:gd name="connsiteX2" fmla="*/ 0 w 1454727"/>
                <a:gd name="connsiteY2" fmla="*/ 1267690 h 1267690"/>
                <a:gd name="connsiteX3" fmla="*/ 436418 w 1454727"/>
                <a:gd name="connsiteY3" fmla="*/ 602672 h 1267690"/>
                <a:gd name="connsiteX4" fmla="*/ 1215736 w 1454727"/>
                <a:gd name="connsiteY4" fmla="*/ 0 h 126769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454727" h="1267690">
                  <a:moveTo>
                    <a:pt x="1215736" y="0"/>
                  </a:moveTo>
                  <a:lnTo>
                    <a:pt x="1454727" y="353290"/>
                  </a:lnTo>
                  <a:lnTo>
                    <a:pt x="0" y="1267690"/>
                  </a:lnTo>
                  <a:lnTo>
                    <a:pt x="436418" y="602672"/>
                  </a:lnTo>
                  <a:lnTo>
                    <a:pt x="1215736" y="0"/>
                  </a:lnTo>
                  <a:close/>
                </a:path>
              </a:pathLst>
            </a:custGeom>
            <a:solidFill>
              <a:srgbClr val="0070C0"/>
            </a:solidFill>
            <a:ln w="1905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3851920" y="2988336"/>
              <a:ext cx="1439818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600" dirty="0" smtClean="0">
                  <a:solidFill>
                    <a:schemeClr val="bg1">
                      <a:lumMod val="50000"/>
                    </a:schemeClr>
                  </a:solidFill>
                  <a:latin typeface="Arabic Typesetting" panose="03020402040406030203" pitchFamily="66" charset="-78"/>
                  <a:ea typeface="MS UI Gothic" panose="020B0600070205080204" pitchFamily="34" charset="-128"/>
                  <a:cs typeface="Arabic Typesetting" panose="03020402040406030203" pitchFamily="66" charset="-78"/>
                </a:rPr>
                <a:t>Software Architecture</a:t>
              </a:r>
            </a:p>
          </p:txBody>
        </p:sp>
        <p:sp>
          <p:nvSpPr>
            <p:cNvPr id="39" name="Freeform 38"/>
            <p:cNvSpPr/>
            <p:nvPr/>
          </p:nvSpPr>
          <p:spPr>
            <a:xfrm rot="21104642">
              <a:off x="4380910" y="2320973"/>
              <a:ext cx="307176" cy="229913"/>
            </a:xfrm>
            <a:custGeom>
              <a:avLst/>
              <a:gdLst>
                <a:gd name="connsiteX0" fmla="*/ 0 w 1330036"/>
                <a:gd name="connsiteY0" fmla="*/ 841664 h 1215737"/>
                <a:gd name="connsiteX1" fmla="*/ 93518 w 1330036"/>
                <a:gd name="connsiteY1" fmla="*/ 1194955 h 1215737"/>
                <a:gd name="connsiteX2" fmla="*/ 384463 w 1330036"/>
                <a:gd name="connsiteY2" fmla="*/ 1215737 h 1215737"/>
                <a:gd name="connsiteX3" fmla="*/ 1246909 w 1330036"/>
                <a:gd name="connsiteY3" fmla="*/ 716973 h 1215737"/>
                <a:gd name="connsiteX4" fmla="*/ 1330036 w 1330036"/>
                <a:gd name="connsiteY4" fmla="*/ 0 h 1215737"/>
                <a:gd name="connsiteX0" fmla="*/ 97832 w 1236517"/>
                <a:gd name="connsiteY0" fmla="*/ 458961 h 1215737"/>
                <a:gd name="connsiteX1" fmla="*/ -1 w 1236517"/>
                <a:gd name="connsiteY1" fmla="*/ 1194955 h 1215737"/>
                <a:gd name="connsiteX2" fmla="*/ 290944 w 1236517"/>
                <a:gd name="connsiteY2" fmla="*/ 1215737 h 1215737"/>
                <a:gd name="connsiteX3" fmla="*/ 1153390 w 1236517"/>
                <a:gd name="connsiteY3" fmla="*/ 716973 h 1215737"/>
                <a:gd name="connsiteX4" fmla="*/ 1236517 w 1236517"/>
                <a:gd name="connsiteY4" fmla="*/ 0 h 1215737"/>
                <a:gd name="connsiteX0" fmla="*/ 100852 w 1239537"/>
                <a:gd name="connsiteY0" fmla="*/ 458961 h 1215737"/>
                <a:gd name="connsiteX1" fmla="*/ 0 w 1239537"/>
                <a:gd name="connsiteY1" fmla="*/ 809619 h 1215737"/>
                <a:gd name="connsiteX2" fmla="*/ 3019 w 1239537"/>
                <a:gd name="connsiteY2" fmla="*/ 1194955 h 1215737"/>
                <a:gd name="connsiteX3" fmla="*/ 293964 w 1239537"/>
                <a:gd name="connsiteY3" fmla="*/ 1215737 h 1215737"/>
                <a:gd name="connsiteX4" fmla="*/ 1156410 w 1239537"/>
                <a:gd name="connsiteY4" fmla="*/ 716973 h 1215737"/>
                <a:gd name="connsiteX5" fmla="*/ 1239537 w 1239537"/>
                <a:gd name="connsiteY5" fmla="*/ 0 h 1215737"/>
                <a:gd name="connsiteX0" fmla="*/ 249682 w 1388367"/>
                <a:gd name="connsiteY0" fmla="*/ 458961 h 1215737"/>
                <a:gd name="connsiteX1" fmla="*/ 0 w 1388367"/>
                <a:gd name="connsiteY1" fmla="*/ 830880 h 1215737"/>
                <a:gd name="connsiteX2" fmla="*/ 151849 w 1388367"/>
                <a:gd name="connsiteY2" fmla="*/ 1194955 h 1215737"/>
                <a:gd name="connsiteX3" fmla="*/ 442794 w 1388367"/>
                <a:gd name="connsiteY3" fmla="*/ 1215737 h 1215737"/>
                <a:gd name="connsiteX4" fmla="*/ 1305240 w 1388367"/>
                <a:gd name="connsiteY4" fmla="*/ 716973 h 1215737"/>
                <a:gd name="connsiteX5" fmla="*/ 1388367 w 1388367"/>
                <a:gd name="connsiteY5" fmla="*/ 0 h 1215737"/>
                <a:gd name="connsiteX0" fmla="*/ 122113 w 1260798"/>
                <a:gd name="connsiteY0" fmla="*/ 458961 h 1215737"/>
                <a:gd name="connsiteX1" fmla="*/ 0 w 1260798"/>
                <a:gd name="connsiteY1" fmla="*/ 830880 h 1215737"/>
                <a:gd name="connsiteX2" fmla="*/ 24280 w 1260798"/>
                <a:gd name="connsiteY2" fmla="*/ 1194955 h 1215737"/>
                <a:gd name="connsiteX3" fmla="*/ 315225 w 1260798"/>
                <a:gd name="connsiteY3" fmla="*/ 1215737 h 1215737"/>
                <a:gd name="connsiteX4" fmla="*/ 1177671 w 1260798"/>
                <a:gd name="connsiteY4" fmla="*/ 716973 h 1215737"/>
                <a:gd name="connsiteX5" fmla="*/ 1260798 w 1260798"/>
                <a:gd name="connsiteY5" fmla="*/ 0 h 1215737"/>
                <a:gd name="connsiteX0" fmla="*/ 122113 w 1260798"/>
                <a:gd name="connsiteY0" fmla="*/ 458961 h 1302932"/>
                <a:gd name="connsiteX1" fmla="*/ 0 w 1260798"/>
                <a:gd name="connsiteY1" fmla="*/ 830880 h 1302932"/>
                <a:gd name="connsiteX2" fmla="*/ 24280 w 1260798"/>
                <a:gd name="connsiteY2" fmla="*/ 1194955 h 1302932"/>
                <a:gd name="connsiteX3" fmla="*/ 336485 w 1260798"/>
                <a:gd name="connsiteY3" fmla="*/ 1302932 h 1302932"/>
                <a:gd name="connsiteX4" fmla="*/ 1177671 w 1260798"/>
                <a:gd name="connsiteY4" fmla="*/ 716973 h 1302932"/>
                <a:gd name="connsiteX5" fmla="*/ 1260798 w 1260798"/>
                <a:gd name="connsiteY5" fmla="*/ 0 h 1302932"/>
                <a:gd name="connsiteX0" fmla="*/ 161634 w 1300319"/>
                <a:gd name="connsiteY0" fmla="*/ 458961 h 1347547"/>
                <a:gd name="connsiteX1" fmla="*/ 39521 w 1300319"/>
                <a:gd name="connsiteY1" fmla="*/ 830880 h 1347547"/>
                <a:gd name="connsiteX2" fmla="*/ 16 w 1300319"/>
                <a:gd name="connsiteY2" fmla="*/ 1347547 h 1347547"/>
                <a:gd name="connsiteX3" fmla="*/ 376006 w 1300319"/>
                <a:gd name="connsiteY3" fmla="*/ 1302932 h 1347547"/>
                <a:gd name="connsiteX4" fmla="*/ 1217192 w 1300319"/>
                <a:gd name="connsiteY4" fmla="*/ 716973 h 1347547"/>
                <a:gd name="connsiteX5" fmla="*/ 1300319 w 1300319"/>
                <a:gd name="connsiteY5" fmla="*/ 0 h 1347547"/>
                <a:gd name="connsiteX0" fmla="*/ 161634 w 1300319"/>
                <a:gd name="connsiteY0" fmla="*/ 458961 h 1392009"/>
                <a:gd name="connsiteX1" fmla="*/ 39521 w 1300319"/>
                <a:gd name="connsiteY1" fmla="*/ 830880 h 1392009"/>
                <a:gd name="connsiteX2" fmla="*/ 16 w 1300319"/>
                <a:gd name="connsiteY2" fmla="*/ 1347547 h 1392009"/>
                <a:gd name="connsiteX3" fmla="*/ 376006 w 1300319"/>
                <a:gd name="connsiteY3" fmla="*/ 1302932 h 1392009"/>
                <a:gd name="connsiteX4" fmla="*/ 1217192 w 1300319"/>
                <a:gd name="connsiteY4" fmla="*/ 716973 h 1392009"/>
                <a:gd name="connsiteX5" fmla="*/ 1300319 w 130031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161624 w 1300309"/>
                <a:gd name="connsiteY0" fmla="*/ 458961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92009"/>
                <a:gd name="connsiteX1" fmla="*/ 39511 w 1300309"/>
                <a:gd name="connsiteY1" fmla="*/ 830880 h 1392009"/>
                <a:gd name="connsiteX2" fmla="*/ 6 w 1300309"/>
                <a:gd name="connsiteY2" fmla="*/ 1347547 h 1392009"/>
                <a:gd name="connsiteX3" fmla="*/ 375996 w 1300309"/>
                <a:gd name="connsiteY3" fmla="*/ 1302932 h 1392009"/>
                <a:gd name="connsiteX4" fmla="*/ 1217182 w 1300309"/>
                <a:gd name="connsiteY4" fmla="*/ 716973 h 1392009"/>
                <a:gd name="connsiteX5" fmla="*/ 1300309 w 1300309"/>
                <a:gd name="connsiteY5" fmla="*/ 0 h 1392009"/>
                <a:gd name="connsiteX0" fmla="*/ 289193 w 1300309"/>
                <a:gd name="connsiteY0" fmla="*/ 458960 h 1347547"/>
                <a:gd name="connsiteX1" fmla="*/ 39511 w 1300309"/>
                <a:gd name="connsiteY1" fmla="*/ 830880 h 1347547"/>
                <a:gd name="connsiteX2" fmla="*/ 6 w 1300309"/>
                <a:gd name="connsiteY2" fmla="*/ 1347547 h 1347547"/>
                <a:gd name="connsiteX3" fmla="*/ 1217182 w 1300309"/>
                <a:gd name="connsiteY3" fmla="*/ 716973 h 1347547"/>
                <a:gd name="connsiteX4" fmla="*/ 1300309 w 1300309"/>
                <a:gd name="connsiteY4" fmla="*/ 0 h 1347547"/>
                <a:gd name="connsiteX0" fmla="*/ 289193 w 1217180"/>
                <a:gd name="connsiteY0" fmla="*/ 1 h 888588"/>
                <a:gd name="connsiteX1" fmla="*/ 39511 w 1217180"/>
                <a:gd name="connsiteY1" fmla="*/ 371921 h 888588"/>
                <a:gd name="connsiteX2" fmla="*/ 6 w 1217180"/>
                <a:gd name="connsiteY2" fmla="*/ 888588 h 888588"/>
                <a:gd name="connsiteX3" fmla="*/ 1217182 w 1217180"/>
                <a:gd name="connsiteY3" fmla="*/ 258014 h 88858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217180" h="888588">
                  <a:moveTo>
                    <a:pt x="289193" y="1"/>
                  </a:moveTo>
                  <a:cubicBezTo>
                    <a:pt x="248489" y="123974"/>
                    <a:pt x="207781" y="247947"/>
                    <a:pt x="39511" y="371921"/>
                  </a:cubicBezTo>
                  <a:cubicBezTo>
                    <a:pt x="168084" y="522164"/>
                    <a:pt x="-1000" y="760143"/>
                    <a:pt x="6" y="888588"/>
                  </a:cubicBezTo>
                  <a:cubicBezTo>
                    <a:pt x="196285" y="869603"/>
                    <a:pt x="1000465" y="482605"/>
                    <a:pt x="1217182" y="258014"/>
                  </a:cubicBezTo>
                </a:path>
              </a:pathLst>
            </a:custGeom>
            <a:solidFill>
              <a:schemeClr val="accent6">
                <a:lumMod val="75000"/>
              </a:schemeClr>
            </a:solidFill>
            <a:ln w="19050">
              <a:solidFill>
                <a:schemeClr val="accent6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/>
            </a:p>
          </p:txBody>
        </p:sp>
        <p:sp>
          <p:nvSpPr>
            <p:cNvPr id="40" name="Freeform 39"/>
            <p:cNvSpPr/>
            <p:nvPr/>
          </p:nvSpPr>
          <p:spPr>
            <a:xfrm rot="159582">
              <a:off x="4105746" y="2027532"/>
              <a:ext cx="818164" cy="369371"/>
            </a:xfrm>
            <a:custGeom>
              <a:avLst/>
              <a:gdLst>
                <a:gd name="connsiteX0" fmla="*/ 1257300 w 3241964"/>
                <a:gd name="connsiteY0" fmla="*/ 872836 h 1392382"/>
                <a:gd name="connsiteX1" fmla="*/ 1672936 w 3241964"/>
                <a:gd name="connsiteY1" fmla="*/ 0 h 1392382"/>
                <a:gd name="connsiteX2" fmla="*/ 2337955 w 3241964"/>
                <a:gd name="connsiteY2" fmla="*/ 62345 h 1392382"/>
                <a:gd name="connsiteX3" fmla="*/ 2639291 w 3241964"/>
                <a:gd name="connsiteY3" fmla="*/ 1143000 h 1392382"/>
                <a:gd name="connsiteX4" fmla="*/ 644236 w 3241964"/>
                <a:gd name="connsiteY4" fmla="*/ 748145 h 1392382"/>
                <a:gd name="connsiteX5" fmla="*/ 0 w 3241964"/>
                <a:gd name="connsiteY5" fmla="*/ 997527 h 1392382"/>
                <a:gd name="connsiteX6" fmla="*/ 3241964 w 3241964"/>
                <a:gd name="connsiteY6" fmla="*/ 1392382 h 1392382"/>
                <a:gd name="connsiteX7" fmla="*/ 2639291 w 3241964"/>
                <a:gd name="connsiteY7" fmla="*/ 1132609 h 139238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241964" h="1392382">
                  <a:moveTo>
                    <a:pt x="1257300" y="872836"/>
                  </a:moveTo>
                  <a:lnTo>
                    <a:pt x="1672936" y="0"/>
                  </a:lnTo>
                  <a:lnTo>
                    <a:pt x="2337955" y="62345"/>
                  </a:lnTo>
                  <a:lnTo>
                    <a:pt x="2639291" y="1143000"/>
                  </a:lnTo>
                  <a:lnTo>
                    <a:pt x="644236" y="748145"/>
                  </a:lnTo>
                  <a:lnTo>
                    <a:pt x="0" y="997527"/>
                  </a:lnTo>
                  <a:lnTo>
                    <a:pt x="3241964" y="1392382"/>
                  </a:lnTo>
                  <a:lnTo>
                    <a:pt x="2639291" y="1132609"/>
                  </a:lnTo>
                </a:path>
              </a:pathLst>
            </a:custGeom>
            <a:solidFill>
              <a:srgbClr val="FFC000"/>
            </a:solidFill>
            <a:ln w="1905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</p:grpSp>
      <p:sp>
        <p:nvSpPr>
          <p:cNvPr id="53" name="Rectangle 52"/>
          <p:cNvSpPr/>
          <p:nvPr/>
        </p:nvSpPr>
        <p:spPr>
          <a:xfrm>
            <a:off x="2195394" y="411510"/>
            <a:ext cx="6337046" cy="3744416"/>
          </a:xfrm>
          <a:prstGeom prst="rect">
            <a:avLst/>
          </a:prstGeom>
          <a:noFill/>
          <a:ln w="3175"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" name="TextBox 1"/>
          <p:cNvSpPr txBox="1"/>
          <p:nvPr/>
        </p:nvSpPr>
        <p:spPr>
          <a:xfrm>
            <a:off x="2555776" y="699542"/>
            <a:ext cx="411933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Segoe UI Light" panose="020B0502040204020203" pitchFamily="34" charset="0"/>
                <a:ea typeface="Microsoft Himalaya" panose="01010100010101010101" pitchFamily="2" charset="0"/>
                <a:cs typeface="Segoe UI Light" panose="020B0502040204020203" pitchFamily="34" charset="0"/>
              </a:rPr>
              <a:t>Design pattern and things did and to do.</a:t>
            </a:r>
            <a:endParaRPr lang="en-US" dirty="0">
              <a:solidFill>
                <a:schemeClr val="tx1">
                  <a:lumMod val="50000"/>
                  <a:lumOff val="50000"/>
                </a:schemeClr>
              </a:solidFill>
              <a:latin typeface="Segoe UI Light" panose="020B0502040204020203" pitchFamily="34" charset="0"/>
              <a:ea typeface="Microsoft Himalaya" panose="01010100010101010101" pitchFamily="2" charset="0"/>
              <a:cs typeface="Segoe UI Light" panose="020B0502040204020203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699792" y="1356906"/>
            <a:ext cx="554461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50" dirty="0" smtClean="0">
                <a:solidFill>
                  <a:srgbClr val="0070C0"/>
                </a:solidFill>
                <a:latin typeface="Segoe UI Light" panose="020B0502040204020203" pitchFamily="34" charset="0"/>
                <a:cs typeface="Segoe UI Light" panose="020B0502040204020203" pitchFamily="34" charset="0"/>
              </a:rPr>
              <a:t>Developing VBA class modules which do the communication activities  such as.</a:t>
            </a:r>
          </a:p>
        </p:txBody>
      </p:sp>
      <p:graphicFrame>
        <p:nvGraphicFramePr>
          <p:cNvPr id="9" name="Table 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20663616"/>
              </p:ext>
            </p:extLst>
          </p:nvPr>
        </p:nvGraphicFramePr>
        <p:xfrm>
          <a:off x="2733307" y="1779662"/>
          <a:ext cx="5472608" cy="24819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368152"/>
                <a:gridCol w="1368152"/>
                <a:gridCol w="1368152"/>
                <a:gridCol w="684076"/>
                <a:gridCol w="684076"/>
              </a:tblGrid>
              <a:tr h="224844"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lass Module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Metho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Description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Dev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Test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</a:tr>
              <a:tr h="224844"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ExcelStore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Pick()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Used to pick header</a:t>
                      </a:r>
                      <a:r>
                        <a:rPr lang="en-US" sz="700" baseline="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 of excel table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Pending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</a:tr>
              <a:tr h="224844">
                <a:tc>
                  <a:txBody>
                    <a:bodyPr/>
                    <a:lstStyle/>
                    <a:p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Push()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Used to push data to table column selecte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Pending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</a:tr>
              <a:tr h="224844">
                <a:tc>
                  <a:txBody>
                    <a:bodyPr/>
                    <a:lstStyle/>
                    <a:p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Pull()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Used to pull</a:t>
                      </a:r>
                      <a:r>
                        <a:rPr lang="en-US" sz="700" baseline="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 data from table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In</a:t>
                      </a:r>
                      <a:r>
                        <a:rPr lang="en-US" sz="700" baseline="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 progress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Pending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</a:tr>
              <a:tr h="224844"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WordReport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Pick()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Used to pick label headers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endParaRPr lang="en-US" sz="70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endParaRPr lang="en-US" sz="70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</a:tr>
              <a:tr h="224844">
                <a:tc>
                  <a:txBody>
                    <a:bodyPr/>
                    <a:lstStyle/>
                    <a:p>
                      <a:endParaRPr lang="en-US" sz="70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Push()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Used to push</a:t>
                      </a:r>
                      <a:r>
                        <a:rPr lang="en-US" sz="700" baseline="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 data to selected label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</a:tr>
              <a:tr h="224844">
                <a:tc>
                  <a:txBody>
                    <a:bodyPr/>
                    <a:lstStyle/>
                    <a:p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Pull()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Used to pull data from selected label 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</a:tr>
              <a:tr h="224844">
                <a:tc>
                  <a:txBody>
                    <a:bodyPr/>
                    <a:lstStyle/>
                    <a:p>
                      <a:r>
                        <a:rPr lang="en-US" sz="700" dirty="0" err="1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OutlookAuth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err="1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sendEmail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Used to send</a:t>
                      </a:r>
                      <a:r>
                        <a:rPr lang="en-US" sz="700" baseline="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 a mail (Password res t kind of things)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</a:tr>
              <a:tr h="224844">
                <a:tc>
                  <a:txBody>
                    <a:bodyPr/>
                    <a:lstStyle/>
                    <a:p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err="1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GetMail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Used to get </a:t>
                      </a:r>
                      <a:r>
                        <a:rPr lang="en-US" sz="700" dirty="0" err="1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email</a:t>
                      </a:r>
                      <a:r>
                        <a:rPr lang="en-US" sz="700" baseline="0" dirty="0" err="1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Id</a:t>
                      </a:r>
                      <a:r>
                        <a:rPr lang="en-US" sz="700" baseline="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 from Outlook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d 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  <a:tc>
                  <a:txBody>
                    <a:bodyPr/>
                    <a:lstStyle/>
                    <a:p>
                      <a:r>
                        <a:rPr lang="en-US" sz="700" dirty="0" smtClean="0">
                          <a:latin typeface="Consolas" panose="020B0609020204030204" pitchFamily="49" charset="0"/>
                          <a:cs typeface="Consolas" panose="020B0609020204030204" pitchFamily="49" charset="0"/>
                        </a:rPr>
                        <a:t>Completed</a:t>
                      </a:r>
                      <a:endParaRPr lang="en-US" sz="700" dirty="0">
                        <a:latin typeface="Consolas" panose="020B0609020204030204" pitchFamily="49" charset="0"/>
                        <a:cs typeface="Consolas" panose="020B0609020204030204" pitchFamily="49" charset="0"/>
                      </a:endParaRPr>
                    </a:p>
                  </a:txBody>
                  <a:tcPr marL="55441" marR="55441" marT="27721" marB="27721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45134538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2"/>
          <p:cNvGrpSpPr/>
          <p:nvPr/>
        </p:nvGrpSpPr>
        <p:grpSpPr>
          <a:xfrm>
            <a:off x="4211960" y="2427734"/>
            <a:ext cx="1358064" cy="343491"/>
            <a:chOff x="664183" y="4525505"/>
            <a:chExt cx="1358064" cy="343491"/>
          </a:xfrm>
        </p:grpSpPr>
        <p:sp>
          <p:nvSpPr>
            <p:cNvPr id="6" name="TextBox 5"/>
            <p:cNvSpPr txBox="1"/>
            <p:nvPr/>
          </p:nvSpPr>
          <p:spPr>
            <a:xfrm>
              <a:off x="664183" y="4525505"/>
              <a:ext cx="1358064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700" b="1" dirty="0" smtClean="0">
                  <a:solidFill>
                    <a:schemeClr val="bg1">
                      <a:lumMod val="65000"/>
                    </a:schemeClr>
                  </a:solidFill>
                  <a:latin typeface="Microsoft JhengHei" panose="020B0604030504040204" pitchFamily="34" charset="-120"/>
                  <a:ea typeface="Microsoft JhengHei" panose="020B0604030504040204" pitchFamily="34" charset="-120"/>
                </a:rPr>
                <a:t>RICHARDSON V JOHNSON</a:t>
              </a:r>
              <a:endParaRPr lang="en-GB" sz="700" b="1" dirty="0">
                <a:solidFill>
                  <a:schemeClr val="bg1">
                    <a:lumMod val="65000"/>
                  </a:scheme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</a:endParaRPr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664183" y="4653552"/>
              <a:ext cx="1064715" cy="21544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800" dirty="0" smtClean="0">
                  <a:solidFill>
                    <a:schemeClr val="bg1">
                      <a:lumMod val="65000"/>
                    </a:schemeClr>
                  </a:solidFill>
                  <a:latin typeface="Microsoft JhengHei" panose="020B0604030504040204" pitchFamily="34" charset="-120"/>
                  <a:ea typeface="Microsoft JhengHei" panose="020B0604030504040204" pitchFamily="34" charset="-120"/>
                  <a:cs typeface="Consolas" panose="020B0609020204030204" pitchFamily="49" charset="0"/>
                </a:rPr>
                <a:t>Software Engineer</a:t>
              </a:r>
              <a:endParaRPr lang="en-GB" sz="800" dirty="0">
                <a:solidFill>
                  <a:schemeClr val="bg1">
                    <a:lumMod val="65000"/>
                  </a:scheme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  <a:cs typeface="Consolas" panose="020B0609020204030204" pitchFamily="49" charset="0"/>
              </a:endParaRPr>
            </a:p>
          </p:txBody>
        </p:sp>
      </p:grpSp>
      <p:pic>
        <p:nvPicPr>
          <p:cNvPr id="4" name="Picture 5" descr="\\s81dsp01data01\ACIS-Udrive\Users\i85505\Profile_data\Desktop\images8CDWVF0L.png">
            <a:hlinkClick r:id="rId2"/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0196" y="2362325"/>
            <a:ext cx="436867" cy="43686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TextBox 7"/>
          <p:cNvSpPr txBox="1"/>
          <p:nvPr/>
        </p:nvSpPr>
        <p:spPr>
          <a:xfrm>
            <a:off x="3923928" y="1811020"/>
            <a:ext cx="14235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 smtClean="0"/>
              <a:t>Write to me..</a:t>
            </a:r>
            <a:endParaRPr lang="en-GB" dirty="0"/>
          </a:p>
        </p:txBody>
      </p:sp>
      <p:sp>
        <p:nvSpPr>
          <p:cNvPr id="2" name="TextBox 1"/>
          <p:cNvSpPr txBox="1"/>
          <p:nvPr/>
        </p:nvSpPr>
        <p:spPr>
          <a:xfrm>
            <a:off x="3725608" y="2799192"/>
            <a:ext cx="1949573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smtClean="0"/>
              <a:t>richardsonvjohnson@gmail.com</a:t>
            </a:r>
            <a:endParaRPr lang="en-US" sz="1050" dirty="0"/>
          </a:p>
        </p:txBody>
      </p:sp>
    </p:spTree>
    <p:extLst>
      <p:ext uri="{BB962C8B-B14F-4D97-AF65-F5344CB8AC3E}">
        <p14:creationId xmlns:p14="http://schemas.microsoft.com/office/powerpoint/2010/main" val="36240709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001</TotalTime>
  <Words>188</Words>
  <Application>Microsoft Office PowerPoint</Application>
  <PresentationFormat>On-screen Show (16:9)</PresentationFormat>
  <Paragraphs>67</Paragraphs>
  <Slides>6</Slides>
  <Notes>2</Notes>
  <HiddenSlides>0</HiddenSlides>
  <MMClips>0</MMClips>
  <ScaleCrop>false</ScaleCrop>
  <HeadingPairs>
    <vt:vector size="6" baseType="variant">
      <vt:variant>
        <vt:lpstr>Fonts Used</vt:lpstr>
      </vt:variant>
      <vt:variant>
        <vt:i4>12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6</vt:i4>
      </vt:variant>
    </vt:vector>
  </HeadingPairs>
  <TitlesOfParts>
    <vt:vector size="19" baseType="lpstr">
      <vt:lpstr>Microsoft JhengHei</vt:lpstr>
      <vt:lpstr>MS UI Gothic</vt:lpstr>
      <vt:lpstr>Aharoni</vt:lpstr>
      <vt:lpstr>Arabic Typesetting</vt:lpstr>
      <vt:lpstr>Arial</vt:lpstr>
      <vt:lpstr>Arial Black</vt:lpstr>
      <vt:lpstr>Calibri</vt:lpstr>
      <vt:lpstr>Calibri Light</vt:lpstr>
      <vt:lpstr>Consolas</vt:lpstr>
      <vt:lpstr>Estrangelo Edessa</vt:lpstr>
      <vt:lpstr>Microsoft Himalaya</vt:lpstr>
      <vt:lpstr>Segoe UI Light</vt:lpstr>
      <vt:lpstr>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Allianz Insurance PLC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Johnson Richardson</dc:creator>
  <cp:lastModifiedBy>Richardson V Johnson</cp:lastModifiedBy>
  <cp:revision>72</cp:revision>
  <dcterms:created xsi:type="dcterms:W3CDTF">2017-04-19T13:44:29Z</dcterms:created>
  <dcterms:modified xsi:type="dcterms:W3CDTF">2017-06-28T12:11:19Z</dcterms:modified>
</cp:coreProperties>
</file>